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24226"/>
  <mc:AlternateContent xmlns:mc="http://schemas.openxmlformats.org/markup-compatibility/2006">
    <mc:Choice Requires="x15">
      <x15ac:absPath xmlns:x15ac="http://schemas.microsoft.com/office/spreadsheetml/2010/11/ac" url="https://sebgroup.sharepoint.com/sites/sf1/Cover pool/Mikael Angervall/Obligationsrådet (ASCB)/Gemensam Rapportering/Nationella Mallen/ECBC HTT report/Reported/"/>
    </mc:Choice>
  </mc:AlternateContent>
  <xr:revisionPtr revIDLastSave="0" documentId="8_{250BF1DA-E0BD-4433-8085-64BCEF9967A1}" xr6:coauthVersionLast="47" xr6:coauthVersionMax="47" xr10:uidLastSave="{00000000-0000-0000-0000-000000000000}"/>
  <bookViews>
    <workbookView xWindow="108" yWindow="0" windowWidth="22680" windowHeight="12396" tabRatio="879" firstSheet="4" activeTab="4" xr2:uid="{00000000-000D-0000-FFFF-FFFF00000000}"/>
  </bookViews>
  <sheets>
    <sheet name="Disclaimer" sheetId="1" r:id="rId1"/>
    <sheet name="Introduction" sheetId="2" r:id="rId2"/>
    <sheet name="Completion Instructions" sheetId="3" r:id="rId3"/>
    <sheet name="FAQ" sheetId="4" r:id="rId4"/>
    <sheet name="A. HTT General" sheetId="5" r:id="rId5"/>
    <sheet name="B1. HTT Mortgage Assets" sheetId="6" r:id="rId6"/>
    <sheet name="B2. HTT Public Sector Assets" sheetId="7" r:id="rId7"/>
    <sheet name="B3. HTT Shipping Assets" sheetId="8" r:id="rId8"/>
    <sheet name="C. HTT Harmonised Glossary" sheetId="9" r:id="rId9"/>
    <sheet name="D. Insert Nat Trans Templ" sheetId="10" r:id="rId10"/>
    <sheet name="E. Optional ECB-ECAIs data" sheetId="11" r:id="rId11"/>
    <sheet name="F1. Sustainable M data" sheetId="12" r:id="rId12"/>
    <sheet name="G1. Crisis M Payment Holidays" sheetId="13" r:id="rId13"/>
    <sheet name="E.g. General" sheetId="14" r:id="rId14"/>
    <sheet name="E.g. Other" sheetId="15" r:id="rId15"/>
  </sheets>
  <definedNames>
    <definedName name="acceptable_use_policy" localSheetId="0">Disclaimer!#REF!</definedName>
    <definedName name="general_tc" localSheetId="0">Disclaimer!$A$61</definedName>
    <definedName name="_xlnm.Print_Area" localSheetId="4">'A. HTT General'!$A$1:$G$365</definedName>
    <definedName name="_xlnm.Print_Area" localSheetId="5">'B1. HTT Mortgage Assets'!$A$1:$G$524</definedName>
    <definedName name="_xlnm.Print_Area" localSheetId="6">'B2. HTT Public Sector Assets'!$A$1:$G$179</definedName>
    <definedName name="_xlnm.Print_Area" localSheetId="7">'B3. HTT Shipping Assets'!$A$1:$G$211</definedName>
    <definedName name="_xlnm.Print_Area" localSheetId="8">'C. HTT Harmonised Glossary'!$A$1:$C$57</definedName>
    <definedName name="_xlnm.Print_Area" localSheetId="2">'Completion Instructions'!$B$2:$J$71</definedName>
    <definedName name="_xlnm.Print_Area" localSheetId="0">Disclaimer!$A$1:$A$170</definedName>
    <definedName name="_xlnm.Print_Area" localSheetId="10">'E. Optional ECB-ECAIs data'!$A$2:$G$72</definedName>
    <definedName name="_xlnm.Print_Area" localSheetId="3">FAQ!$A$1:$C$28</definedName>
    <definedName name="_xlnm.Print_Area" localSheetId="1">Introduction!$B$2:$J$43</definedName>
    <definedName name="_xlnm.Print_Titles" localSheetId="0">Disclaimer!$2:$2</definedName>
    <definedName name="_xlnm.Print_Titles" localSheetId="3">FAQ!$4:$4</definedName>
    <definedName name="privacy_policy" localSheetId="0">Disclaimer!$A$1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81" i="6" l="1"/>
  <c r="F178" i="13" l="1"/>
  <c r="F177" i="13"/>
  <c r="F176" i="13"/>
  <c r="F175" i="13"/>
  <c r="F174" i="13"/>
  <c r="H30" i="13"/>
  <c r="H29" i="13"/>
  <c r="H28" i="13"/>
  <c r="H27" i="13"/>
  <c r="G26" i="13"/>
  <c r="F26" i="13"/>
  <c r="E26" i="13"/>
  <c r="D26" i="13"/>
  <c r="C26" i="13"/>
  <c r="H25" i="13"/>
  <c r="H24" i="13"/>
  <c r="H23" i="13"/>
  <c r="H26" i="13" s="1"/>
  <c r="G637" i="12"/>
  <c r="G636" i="12"/>
  <c r="D636" i="12"/>
  <c r="C636" i="12"/>
  <c r="G635" i="12"/>
  <c r="G634" i="12"/>
  <c r="G633" i="12"/>
  <c r="G632" i="12"/>
  <c r="G631" i="12"/>
  <c r="G630" i="12"/>
  <c r="G629" i="12"/>
  <c r="G628" i="12"/>
  <c r="G627" i="12"/>
  <c r="G626" i="12"/>
  <c r="G625" i="12"/>
  <c r="G624" i="12"/>
  <c r="G623" i="12"/>
  <c r="G622" i="12"/>
  <c r="D619" i="12"/>
  <c r="G615" i="12" s="1"/>
  <c r="G619" i="12" s="1"/>
  <c r="C619" i="12"/>
  <c r="F615" i="12" s="1"/>
  <c r="F619" i="12" s="1"/>
  <c r="G618" i="12"/>
  <c r="G617" i="12"/>
  <c r="G616" i="12"/>
  <c r="D603" i="12"/>
  <c r="G600" i="12" s="1"/>
  <c r="C603" i="12"/>
  <c r="F600" i="12" s="1"/>
  <c r="G602" i="12"/>
  <c r="G601" i="12"/>
  <c r="F601" i="12"/>
  <c r="G599" i="12"/>
  <c r="F599" i="12"/>
  <c r="G598" i="12"/>
  <c r="G597" i="12"/>
  <c r="F597" i="12"/>
  <c r="G596" i="12"/>
  <c r="G595" i="12"/>
  <c r="F595" i="12"/>
  <c r="G594" i="12"/>
  <c r="G593" i="12"/>
  <c r="F593" i="12"/>
  <c r="G592" i="12"/>
  <c r="G591" i="12"/>
  <c r="F591" i="12"/>
  <c r="G590" i="12"/>
  <c r="D588" i="12"/>
  <c r="G587" i="12" s="1"/>
  <c r="C588" i="12"/>
  <c r="F587" i="12"/>
  <c r="G586" i="12"/>
  <c r="F586" i="12"/>
  <c r="G585" i="12"/>
  <c r="F585" i="12"/>
  <c r="G584" i="12"/>
  <c r="F584" i="12"/>
  <c r="F583" i="12"/>
  <c r="G582" i="12"/>
  <c r="F582" i="12"/>
  <c r="G581" i="12"/>
  <c r="F581" i="12"/>
  <c r="G580" i="12"/>
  <c r="F580" i="12"/>
  <c r="F579" i="12"/>
  <c r="G578" i="12"/>
  <c r="F578" i="12"/>
  <c r="G577" i="12"/>
  <c r="F577" i="12"/>
  <c r="G576" i="12"/>
  <c r="F576" i="12"/>
  <c r="F575" i="12"/>
  <c r="G574" i="12"/>
  <c r="F574" i="12"/>
  <c r="G573" i="12"/>
  <c r="F573" i="12"/>
  <c r="F588" i="12" s="1"/>
  <c r="G572" i="12"/>
  <c r="F572" i="12"/>
  <c r="F571" i="12"/>
  <c r="G570" i="12"/>
  <c r="F570" i="12"/>
  <c r="D565" i="12"/>
  <c r="G564" i="12" s="1"/>
  <c r="C565" i="12"/>
  <c r="F564" i="12"/>
  <c r="G563" i="12"/>
  <c r="F563" i="12"/>
  <c r="G562" i="12"/>
  <c r="F562" i="12"/>
  <c r="G561" i="12"/>
  <c r="F561" i="12"/>
  <c r="F560" i="12"/>
  <c r="G559" i="12"/>
  <c r="F559" i="12"/>
  <c r="G558" i="12"/>
  <c r="F558" i="12"/>
  <c r="G557" i="12"/>
  <c r="F557" i="12"/>
  <c r="F556" i="12"/>
  <c r="G555" i="12"/>
  <c r="F555" i="12"/>
  <c r="G554" i="12"/>
  <c r="F554" i="12"/>
  <c r="G553" i="12"/>
  <c r="F553" i="12"/>
  <c r="F552" i="12"/>
  <c r="G551" i="12"/>
  <c r="F551" i="12"/>
  <c r="G550" i="12"/>
  <c r="F550" i="12"/>
  <c r="F565" i="12" s="1"/>
  <c r="G549" i="12"/>
  <c r="F549" i="12"/>
  <c r="F548" i="12"/>
  <c r="G547" i="12"/>
  <c r="F547" i="12"/>
  <c r="D508" i="12"/>
  <c r="G507" i="12" s="1"/>
  <c r="C508" i="12"/>
  <c r="F507" i="12"/>
  <c r="G506" i="12"/>
  <c r="F506" i="12"/>
  <c r="G505" i="12"/>
  <c r="F505" i="12"/>
  <c r="G504" i="12"/>
  <c r="F504" i="12"/>
  <c r="F503" i="12"/>
  <c r="G502" i="12"/>
  <c r="F502" i="12"/>
  <c r="G501" i="12"/>
  <c r="F501" i="12"/>
  <c r="F508" i="12" s="1"/>
  <c r="G500" i="12"/>
  <c r="F500" i="12"/>
  <c r="D486" i="12"/>
  <c r="G483" i="12" s="1"/>
  <c r="C486" i="12"/>
  <c r="F484" i="12" s="1"/>
  <c r="F485" i="12"/>
  <c r="F483" i="12"/>
  <c r="G482" i="12"/>
  <c r="F482" i="12"/>
  <c r="F481" i="12"/>
  <c r="F479" i="12"/>
  <c r="G478" i="12"/>
  <c r="F478" i="12"/>
  <c r="D473" i="12"/>
  <c r="G472" i="12" s="1"/>
  <c r="C473" i="12"/>
  <c r="F472" i="12"/>
  <c r="G471" i="12"/>
  <c r="F471" i="12"/>
  <c r="G470" i="12"/>
  <c r="F470" i="12"/>
  <c r="G469" i="12"/>
  <c r="F469" i="12"/>
  <c r="F468" i="12"/>
  <c r="G467" i="12"/>
  <c r="F467" i="12"/>
  <c r="G466" i="12"/>
  <c r="F466" i="12"/>
  <c r="G465" i="12"/>
  <c r="F465" i="12"/>
  <c r="F464" i="12"/>
  <c r="G463" i="12"/>
  <c r="F463" i="12"/>
  <c r="G462" i="12"/>
  <c r="F462" i="12"/>
  <c r="G461" i="12"/>
  <c r="F461" i="12"/>
  <c r="F460" i="12"/>
  <c r="G459" i="12"/>
  <c r="F459" i="12"/>
  <c r="G458" i="12"/>
  <c r="F458" i="12"/>
  <c r="G457" i="12"/>
  <c r="F457" i="12"/>
  <c r="F456" i="12"/>
  <c r="G455" i="12"/>
  <c r="F455" i="12"/>
  <c r="G454" i="12"/>
  <c r="F454" i="12"/>
  <c r="G453" i="12"/>
  <c r="F453" i="12"/>
  <c r="F452" i="12"/>
  <c r="G451" i="12"/>
  <c r="F451" i="12"/>
  <c r="G450" i="12"/>
  <c r="F450" i="12"/>
  <c r="F473" i="12" s="1"/>
  <c r="G449" i="12"/>
  <c r="F449" i="12"/>
  <c r="G405" i="12"/>
  <c r="G404" i="12"/>
  <c r="G403" i="12"/>
  <c r="G402" i="12"/>
  <c r="G401" i="12"/>
  <c r="G400" i="12"/>
  <c r="G399" i="12"/>
  <c r="G398" i="12"/>
  <c r="G397" i="12"/>
  <c r="G396" i="12"/>
  <c r="D393" i="12"/>
  <c r="G391" i="12" s="1"/>
  <c r="C393" i="12"/>
  <c r="F392" i="12" s="1"/>
  <c r="G390" i="12"/>
  <c r="G389" i="12"/>
  <c r="F389" i="12"/>
  <c r="D386" i="12"/>
  <c r="C386" i="12"/>
  <c r="F383" i="12" s="1"/>
  <c r="G385" i="12"/>
  <c r="G384" i="12"/>
  <c r="F384" i="12"/>
  <c r="G383" i="12"/>
  <c r="G382" i="12"/>
  <c r="F382" i="12"/>
  <c r="G381" i="12"/>
  <c r="G380" i="12"/>
  <c r="F380" i="12"/>
  <c r="G379" i="12"/>
  <c r="G386" i="12" s="1"/>
  <c r="D367" i="12"/>
  <c r="G365" i="12" s="1"/>
  <c r="C367" i="12"/>
  <c r="F366" i="12" s="1"/>
  <c r="G364" i="12"/>
  <c r="G363" i="12"/>
  <c r="F363" i="12"/>
  <c r="G360" i="12"/>
  <c r="G359" i="12"/>
  <c r="F359" i="12"/>
  <c r="G356" i="12"/>
  <c r="G355" i="12"/>
  <c r="F355" i="12"/>
  <c r="D350" i="12"/>
  <c r="C350" i="12"/>
  <c r="F348" i="12" s="1"/>
  <c r="F349" i="12"/>
  <c r="F347" i="12"/>
  <c r="F346" i="12"/>
  <c r="F345" i="12"/>
  <c r="F343" i="12"/>
  <c r="G342" i="12"/>
  <c r="F342" i="12"/>
  <c r="F341" i="12"/>
  <c r="F339" i="12"/>
  <c r="F338" i="12"/>
  <c r="F337" i="12"/>
  <c r="F335" i="12"/>
  <c r="G334" i="12"/>
  <c r="F334" i="12"/>
  <c r="F333" i="12"/>
  <c r="D327" i="12"/>
  <c r="C327" i="12"/>
  <c r="F325" i="12" s="1"/>
  <c r="F326" i="12"/>
  <c r="F323" i="12"/>
  <c r="F322" i="12"/>
  <c r="F320" i="12"/>
  <c r="F319" i="12"/>
  <c r="F318" i="12"/>
  <c r="F316" i="12"/>
  <c r="F315" i="12"/>
  <c r="F314" i="12"/>
  <c r="F312" i="12"/>
  <c r="F311" i="12"/>
  <c r="F310" i="12"/>
  <c r="D274" i="12"/>
  <c r="C274" i="12"/>
  <c r="F272" i="12" s="1"/>
  <c r="F273" i="12"/>
  <c r="G270" i="12"/>
  <c r="F270" i="12"/>
  <c r="F269" i="12"/>
  <c r="G266" i="12"/>
  <c r="F266" i="12"/>
  <c r="D252" i="12"/>
  <c r="G251" i="12" s="1"/>
  <c r="C252" i="12"/>
  <c r="F251" i="12"/>
  <c r="G250" i="12"/>
  <c r="F250" i="12"/>
  <c r="G249" i="12"/>
  <c r="F249" i="12"/>
  <c r="G248" i="12"/>
  <c r="F248" i="12"/>
  <c r="F247" i="12"/>
  <c r="G246" i="12"/>
  <c r="F246" i="12"/>
  <c r="G245" i="12"/>
  <c r="F245" i="12"/>
  <c r="F252" i="12" s="1"/>
  <c r="G244" i="12"/>
  <c r="F244" i="12"/>
  <c r="D239" i="12"/>
  <c r="C239" i="12"/>
  <c r="F237" i="12" s="1"/>
  <c r="F238" i="12"/>
  <c r="G235" i="12"/>
  <c r="F235" i="12"/>
  <c r="F234" i="12"/>
  <c r="G231" i="12"/>
  <c r="F231" i="12"/>
  <c r="F230" i="12"/>
  <c r="G227" i="12"/>
  <c r="F227" i="12"/>
  <c r="F226" i="12"/>
  <c r="G223" i="12"/>
  <c r="F223" i="12"/>
  <c r="F222" i="12"/>
  <c r="G219" i="12"/>
  <c r="F219" i="12"/>
  <c r="F218" i="12"/>
  <c r="G215" i="12"/>
  <c r="F215" i="12"/>
  <c r="F98" i="12"/>
  <c r="D98" i="12"/>
  <c r="C98" i="12"/>
  <c r="F94" i="12"/>
  <c r="D94" i="12"/>
  <c r="C94" i="12"/>
  <c r="F66" i="12"/>
  <c r="D66" i="12"/>
  <c r="C66" i="12"/>
  <c r="F39" i="12"/>
  <c r="F38" i="12"/>
  <c r="F35" i="12"/>
  <c r="F34" i="12"/>
  <c r="F33" i="12"/>
  <c r="F32" i="12"/>
  <c r="F31" i="12"/>
  <c r="C30" i="12"/>
  <c r="F37" i="12" s="1"/>
  <c r="F28" i="12"/>
  <c r="F27" i="12"/>
  <c r="D19" i="12"/>
  <c r="C19" i="12"/>
  <c r="G185" i="8"/>
  <c r="F183" i="8"/>
  <c r="G181" i="8"/>
  <c r="D179" i="8"/>
  <c r="G184" i="8" s="1"/>
  <c r="C179" i="8"/>
  <c r="F184" i="8" s="1"/>
  <c r="G178" i="8"/>
  <c r="F176" i="8"/>
  <c r="G175" i="8"/>
  <c r="F175" i="8"/>
  <c r="G174" i="8"/>
  <c r="F172" i="8"/>
  <c r="G171" i="8"/>
  <c r="F171" i="8"/>
  <c r="G163" i="8"/>
  <c r="F161" i="8"/>
  <c r="G159" i="8"/>
  <c r="D157" i="8"/>
  <c r="G162" i="8" s="1"/>
  <c r="C157" i="8"/>
  <c r="F162" i="8" s="1"/>
  <c r="G156" i="8"/>
  <c r="F154" i="8"/>
  <c r="G153" i="8"/>
  <c r="F153" i="8"/>
  <c r="G152" i="8"/>
  <c r="F150" i="8"/>
  <c r="G149" i="8"/>
  <c r="F149" i="8"/>
  <c r="D144" i="8"/>
  <c r="G143" i="8" s="1"/>
  <c r="C144" i="8"/>
  <c r="F143" i="8"/>
  <c r="F142" i="8"/>
  <c r="G141" i="8"/>
  <c r="F141" i="8"/>
  <c r="G140" i="8"/>
  <c r="F140" i="8"/>
  <c r="F139" i="8"/>
  <c r="F138" i="8"/>
  <c r="G137" i="8"/>
  <c r="F137" i="8"/>
  <c r="G136" i="8"/>
  <c r="F136" i="8"/>
  <c r="F135" i="8"/>
  <c r="F134" i="8"/>
  <c r="G133" i="8"/>
  <c r="F133" i="8"/>
  <c r="G132" i="8"/>
  <c r="F132" i="8"/>
  <c r="F131" i="8"/>
  <c r="F130" i="8"/>
  <c r="G129" i="8"/>
  <c r="F129" i="8"/>
  <c r="G128" i="8"/>
  <c r="F128" i="8"/>
  <c r="F127" i="8"/>
  <c r="F126" i="8"/>
  <c r="G125" i="8"/>
  <c r="F125" i="8"/>
  <c r="G124" i="8"/>
  <c r="F124" i="8"/>
  <c r="F123" i="8"/>
  <c r="F122" i="8"/>
  <c r="G121" i="8"/>
  <c r="F121" i="8"/>
  <c r="G120" i="8"/>
  <c r="F120" i="8"/>
  <c r="F144" i="8" s="1"/>
  <c r="C58" i="8"/>
  <c r="C54" i="8"/>
  <c r="C26" i="8"/>
  <c r="C152" i="7"/>
  <c r="F149" i="7" s="1"/>
  <c r="F151" i="7"/>
  <c r="C81" i="7"/>
  <c r="C77" i="7"/>
  <c r="C49" i="7"/>
  <c r="C42" i="7"/>
  <c r="F40" i="7"/>
  <c r="D37" i="7"/>
  <c r="G34" i="7" s="1"/>
  <c r="C37" i="7"/>
  <c r="G36" i="7"/>
  <c r="G35" i="7"/>
  <c r="G33" i="7"/>
  <c r="G32" i="7"/>
  <c r="G31" i="7"/>
  <c r="F30" i="7"/>
  <c r="G29" i="7"/>
  <c r="G28" i="7"/>
  <c r="G27" i="7"/>
  <c r="G25" i="7"/>
  <c r="G24" i="7"/>
  <c r="G23" i="7"/>
  <c r="G622" i="6"/>
  <c r="G621" i="6"/>
  <c r="G620" i="6"/>
  <c r="G619" i="6"/>
  <c r="G618" i="6"/>
  <c r="D618" i="6"/>
  <c r="C618" i="6"/>
  <c r="G617" i="6"/>
  <c r="G616" i="6"/>
  <c r="G615" i="6"/>
  <c r="G614" i="6"/>
  <c r="G613" i="6"/>
  <c r="G612" i="6"/>
  <c r="G611" i="6"/>
  <c r="G610" i="6"/>
  <c r="G609" i="6"/>
  <c r="G608" i="6"/>
  <c r="G607" i="6"/>
  <c r="G606" i="6"/>
  <c r="G605" i="6"/>
  <c r="G604" i="6"/>
  <c r="D601" i="6"/>
  <c r="C601" i="6"/>
  <c r="F598" i="6" s="1"/>
  <c r="F600" i="6"/>
  <c r="F599" i="6"/>
  <c r="F597" i="6"/>
  <c r="F601" i="6" s="1"/>
  <c r="G591" i="6"/>
  <c r="F591" i="6"/>
  <c r="D585" i="6"/>
  <c r="C585" i="6"/>
  <c r="G584" i="6"/>
  <c r="F584" i="6"/>
  <c r="G583" i="6"/>
  <c r="F583" i="6"/>
  <c r="G582" i="6"/>
  <c r="F582" i="6"/>
  <c r="G581" i="6"/>
  <c r="F581" i="6"/>
  <c r="G580" i="6"/>
  <c r="F580" i="6"/>
  <c r="G579" i="6"/>
  <c r="F579" i="6"/>
  <c r="G578" i="6"/>
  <c r="F578" i="6"/>
  <c r="G577" i="6"/>
  <c r="F577" i="6"/>
  <c r="G576" i="6"/>
  <c r="F576" i="6"/>
  <c r="G575" i="6"/>
  <c r="F575" i="6"/>
  <c r="G574" i="6"/>
  <c r="F574" i="6"/>
  <c r="F585" i="6" s="1"/>
  <c r="G573" i="6"/>
  <c r="F573" i="6"/>
  <c r="G572" i="6"/>
  <c r="F572" i="6"/>
  <c r="D567" i="6"/>
  <c r="G566" i="6" s="1"/>
  <c r="C567" i="6"/>
  <c r="F565" i="6" s="1"/>
  <c r="G565" i="6"/>
  <c r="G564" i="6"/>
  <c r="G563" i="6"/>
  <c r="G561" i="6"/>
  <c r="F561" i="6"/>
  <c r="G560" i="6"/>
  <c r="G559" i="6"/>
  <c r="G557" i="6"/>
  <c r="G556" i="6"/>
  <c r="F556" i="6"/>
  <c r="G555" i="6"/>
  <c r="G553" i="6"/>
  <c r="G552" i="6"/>
  <c r="G551" i="6"/>
  <c r="F551" i="6"/>
  <c r="G549" i="6"/>
  <c r="D544" i="6"/>
  <c r="G543" i="6" s="1"/>
  <c r="C544" i="6"/>
  <c r="G542" i="6"/>
  <c r="F542" i="6"/>
  <c r="G541" i="6"/>
  <c r="G540" i="6"/>
  <c r="F540" i="6"/>
  <c r="G538" i="6"/>
  <c r="F538" i="6"/>
  <c r="G537" i="6"/>
  <c r="F537" i="6"/>
  <c r="G536" i="6"/>
  <c r="G534" i="6"/>
  <c r="F534" i="6"/>
  <c r="G533" i="6"/>
  <c r="F533" i="6"/>
  <c r="G532" i="6"/>
  <c r="F532" i="6"/>
  <c r="G530" i="6"/>
  <c r="G529" i="6"/>
  <c r="F529" i="6"/>
  <c r="G528" i="6"/>
  <c r="F528" i="6"/>
  <c r="G526" i="6"/>
  <c r="F526" i="6"/>
  <c r="G490" i="6"/>
  <c r="G489" i="6"/>
  <c r="F489" i="6"/>
  <c r="D487" i="6"/>
  <c r="C487" i="6"/>
  <c r="F490" i="6" s="1"/>
  <c r="G486" i="6"/>
  <c r="G485" i="6"/>
  <c r="F485" i="6"/>
  <c r="G482" i="6"/>
  <c r="F482" i="6"/>
  <c r="G481" i="6"/>
  <c r="G479" i="6"/>
  <c r="F479" i="6"/>
  <c r="G468" i="6"/>
  <c r="G467" i="6"/>
  <c r="F467" i="6"/>
  <c r="D465" i="6"/>
  <c r="G469" i="6" s="1"/>
  <c r="C465" i="6"/>
  <c r="F468" i="6" s="1"/>
  <c r="G464" i="6"/>
  <c r="G463" i="6"/>
  <c r="F463" i="6"/>
  <c r="G460" i="6"/>
  <c r="F460" i="6"/>
  <c r="G459" i="6"/>
  <c r="F459" i="6"/>
  <c r="G458" i="6"/>
  <c r="D452" i="6"/>
  <c r="G450" i="6" s="1"/>
  <c r="C452" i="6"/>
  <c r="F448" i="6"/>
  <c r="F446" i="6"/>
  <c r="F444" i="6"/>
  <c r="G443" i="6"/>
  <c r="F442" i="6"/>
  <c r="G438" i="6"/>
  <c r="F438" i="6"/>
  <c r="F437" i="6"/>
  <c r="F434" i="6"/>
  <c r="F433" i="6"/>
  <c r="F430" i="6"/>
  <c r="G429" i="6"/>
  <c r="F429" i="6"/>
  <c r="F428" i="6"/>
  <c r="G393" i="6"/>
  <c r="G392" i="6"/>
  <c r="G391" i="6"/>
  <c r="G390" i="6"/>
  <c r="G389" i="6"/>
  <c r="G388" i="6"/>
  <c r="G387" i="6"/>
  <c r="G386" i="6"/>
  <c r="G385" i="6"/>
  <c r="G384" i="6"/>
  <c r="G383" i="6"/>
  <c r="G382" i="6"/>
  <c r="G381" i="6"/>
  <c r="G380" i="6"/>
  <c r="G379" i="6"/>
  <c r="G378" i="6"/>
  <c r="G377" i="6"/>
  <c r="G376" i="6"/>
  <c r="G375" i="6"/>
  <c r="D372" i="6"/>
  <c r="G370" i="6" s="1"/>
  <c r="C372" i="6"/>
  <c r="F371" i="6" s="1"/>
  <c r="G371" i="6"/>
  <c r="G369" i="6"/>
  <c r="G372" i="6" s="1"/>
  <c r="F369" i="6"/>
  <c r="G368" i="6"/>
  <c r="F368" i="6"/>
  <c r="D365" i="6"/>
  <c r="C365" i="6"/>
  <c r="F362" i="6" s="1"/>
  <c r="G364" i="6"/>
  <c r="F364" i="6"/>
  <c r="G363" i="6"/>
  <c r="F363" i="6"/>
  <c r="G362" i="6"/>
  <c r="G361" i="6"/>
  <c r="F361" i="6"/>
  <c r="G360" i="6"/>
  <c r="F360" i="6"/>
  <c r="G359" i="6"/>
  <c r="F359" i="6"/>
  <c r="G358" i="6"/>
  <c r="G365" i="6" s="1"/>
  <c r="D346" i="6"/>
  <c r="G343" i="6" s="1"/>
  <c r="C346" i="6"/>
  <c r="F344" i="6" s="1"/>
  <c r="G344" i="6"/>
  <c r="G342" i="6"/>
  <c r="G340" i="6"/>
  <c r="G338" i="6"/>
  <c r="F338" i="6"/>
  <c r="G336" i="6"/>
  <c r="G334" i="6"/>
  <c r="F334" i="6"/>
  <c r="D328" i="6"/>
  <c r="C328" i="6"/>
  <c r="F325" i="6" s="1"/>
  <c r="G327" i="6"/>
  <c r="F327" i="6"/>
  <c r="G326" i="6"/>
  <c r="F326" i="6"/>
  <c r="G325" i="6"/>
  <c r="G324" i="6"/>
  <c r="F324" i="6"/>
  <c r="G323" i="6"/>
  <c r="F323" i="6"/>
  <c r="G322" i="6"/>
  <c r="F322" i="6"/>
  <c r="G321" i="6"/>
  <c r="G320" i="6"/>
  <c r="F320" i="6"/>
  <c r="G319" i="6"/>
  <c r="F319" i="6"/>
  <c r="G318" i="6"/>
  <c r="F318" i="6"/>
  <c r="G317" i="6"/>
  <c r="G316" i="6"/>
  <c r="F316" i="6"/>
  <c r="G315" i="6"/>
  <c r="F315" i="6"/>
  <c r="G314" i="6"/>
  <c r="F314" i="6"/>
  <c r="G313" i="6"/>
  <c r="G328" i="6" s="1"/>
  <c r="G312" i="6"/>
  <c r="F312" i="6"/>
  <c r="G311" i="6"/>
  <c r="F311" i="6"/>
  <c r="G310" i="6"/>
  <c r="F310" i="6"/>
  <c r="D305" i="6"/>
  <c r="C305" i="6"/>
  <c r="F302" i="6" s="1"/>
  <c r="G304" i="6"/>
  <c r="F304" i="6"/>
  <c r="G303" i="6"/>
  <c r="F303" i="6"/>
  <c r="G302" i="6"/>
  <c r="G301" i="6"/>
  <c r="F301" i="6"/>
  <c r="G300" i="6"/>
  <c r="F300" i="6"/>
  <c r="G299" i="6"/>
  <c r="F299" i="6"/>
  <c r="G298" i="6"/>
  <c r="G297" i="6"/>
  <c r="F297" i="6"/>
  <c r="G296" i="6"/>
  <c r="F296" i="6"/>
  <c r="G295" i="6"/>
  <c r="F295" i="6"/>
  <c r="G294" i="6"/>
  <c r="G293" i="6"/>
  <c r="F293" i="6"/>
  <c r="G292" i="6"/>
  <c r="F292" i="6"/>
  <c r="G291" i="6"/>
  <c r="F291" i="6"/>
  <c r="G290" i="6"/>
  <c r="G305" i="6" s="1"/>
  <c r="G289" i="6"/>
  <c r="F289" i="6"/>
  <c r="G288" i="6"/>
  <c r="F288" i="6"/>
  <c r="G287" i="6"/>
  <c r="F287" i="6"/>
  <c r="G255" i="6"/>
  <c r="G253" i="6"/>
  <c r="F253" i="6"/>
  <c r="G251" i="6"/>
  <c r="D249" i="6"/>
  <c r="G254" i="6" s="1"/>
  <c r="C249" i="6"/>
  <c r="F255" i="6" s="1"/>
  <c r="G248" i="6"/>
  <c r="G246" i="6"/>
  <c r="F246" i="6"/>
  <c r="G245" i="6"/>
  <c r="G244" i="6"/>
  <c r="G242" i="6"/>
  <c r="F242" i="6"/>
  <c r="G241" i="6"/>
  <c r="G233" i="6"/>
  <c r="G231" i="6"/>
  <c r="F231" i="6"/>
  <c r="G229" i="6"/>
  <c r="D227" i="6"/>
  <c r="G232" i="6" s="1"/>
  <c r="C227" i="6"/>
  <c r="F233" i="6" s="1"/>
  <c r="G226" i="6"/>
  <c r="G224" i="6"/>
  <c r="F224" i="6"/>
  <c r="G223" i="6"/>
  <c r="G222" i="6"/>
  <c r="G220" i="6"/>
  <c r="F220" i="6"/>
  <c r="G219" i="6"/>
  <c r="D214" i="6"/>
  <c r="G210" i="6" s="1"/>
  <c r="C214" i="6"/>
  <c r="F211" i="6" s="1"/>
  <c r="G213" i="6"/>
  <c r="F213" i="6"/>
  <c r="G212" i="6"/>
  <c r="F212" i="6"/>
  <c r="G211" i="6"/>
  <c r="F210" i="6"/>
  <c r="G209" i="6"/>
  <c r="F209" i="6"/>
  <c r="G208" i="6"/>
  <c r="F208" i="6"/>
  <c r="G207" i="6"/>
  <c r="G206" i="6"/>
  <c r="F206" i="6"/>
  <c r="G205" i="6"/>
  <c r="F205" i="6"/>
  <c r="G204" i="6"/>
  <c r="F204" i="6"/>
  <c r="G203" i="6"/>
  <c r="G202" i="6"/>
  <c r="F202" i="6"/>
  <c r="G201" i="6"/>
  <c r="F201" i="6"/>
  <c r="G200" i="6"/>
  <c r="F200" i="6"/>
  <c r="G199" i="6"/>
  <c r="G198" i="6"/>
  <c r="F198" i="6"/>
  <c r="G197" i="6"/>
  <c r="F197" i="6"/>
  <c r="G196" i="6"/>
  <c r="F196" i="6"/>
  <c r="G195" i="6"/>
  <c r="G194" i="6"/>
  <c r="F194" i="6"/>
  <c r="G193" i="6"/>
  <c r="F193" i="6"/>
  <c r="G192" i="6"/>
  <c r="F192" i="6"/>
  <c r="G191" i="6"/>
  <c r="G190" i="6"/>
  <c r="F190" i="6"/>
  <c r="F180" i="6"/>
  <c r="F174" i="6"/>
  <c r="F173" i="6"/>
  <c r="F172" i="6"/>
  <c r="F171" i="6"/>
  <c r="F170" i="6"/>
  <c r="F162" i="6"/>
  <c r="F161" i="6"/>
  <c r="F160" i="6"/>
  <c r="F152" i="6"/>
  <c r="F151" i="6"/>
  <c r="F150" i="6"/>
  <c r="F106" i="6"/>
  <c r="F105" i="6"/>
  <c r="F104" i="6"/>
  <c r="F103" i="6"/>
  <c r="F102" i="6"/>
  <c r="F101" i="6"/>
  <c r="F100" i="6"/>
  <c r="F99" i="6"/>
  <c r="F87" i="6"/>
  <c r="F86" i="6"/>
  <c r="F85" i="6"/>
  <c r="F84" i="6"/>
  <c r="F83" i="6"/>
  <c r="F82" i="6"/>
  <c r="F81" i="6"/>
  <c r="F80" i="6"/>
  <c r="F79" i="6"/>
  <c r="F78" i="6"/>
  <c r="F77" i="6"/>
  <c r="D76" i="6"/>
  <c r="C76" i="6"/>
  <c r="F76" i="6" s="1"/>
  <c r="F75" i="6"/>
  <c r="F74" i="6"/>
  <c r="F73" i="6"/>
  <c r="D72" i="6"/>
  <c r="C72" i="6"/>
  <c r="F72" i="6" s="1"/>
  <c r="F71" i="6"/>
  <c r="F70" i="6"/>
  <c r="F69" i="6"/>
  <c r="F68" i="6"/>
  <c r="F67" i="6"/>
  <c r="F66" i="6"/>
  <c r="F65" i="6"/>
  <c r="F64" i="6"/>
  <c r="F63" i="6"/>
  <c r="F62" i="6"/>
  <c r="F61" i="6"/>
  <c r="F60" i="6"/>
  <c r="F59" i="6"/>
  <c r="F58" i="6"/>
  <c r="F57" i="6"/>
  <c r="F56" i="6"/>
  <c r="F55" i="6"/>
  <c r="F54" i="6"/>
  <c r="F53" i="6"/>
  <c r="F52" i="6"/>
  <c r="F51" i="6"/>
  <c r="F50" i="6"/>
  <c r="F49" i="6"/>
  <c r="F48" i="6"/>
  <c r="F47" i="6"/>
  <c r="F46" i="6"/>
  <c r="F45" i="6"/>
  <c r="F44" i="6"/>
  <c r="D44" i="6"/>
  <c r="C44" i="6"/>
  <c r="F36" i="6"/>
  <c r="F28" i="6"/>
  <c r="F25" i="6"/>
  <c r="F23" i="6"/>
  <c r="F17" i="6"/>
  <c r="C15" i="6"/>
  <c r="F21" i="6" s="1"/>
  <c r="C304" i="5"/>
  <c r="C303" i="5"/>
  <c r="C302" i="5"/>
  <c r="G227" i="5"/>
  <c r="F227" i="5"/>
  <c r="G226" i="5"/>
  <c r="F226" i="5"/>
  <c r="G225" i="5"/>
  <c r="F225" i="5"/>
  <c r="G224" i="5"/>
  <c r="F224" i="5"/>
  <c r="G223" i="5"/>
  <c r="F223" i="5"/>
  <c r="G222" i="5"/>
  <c r="F222" i="5"/>
  <c r="G221" i="5"/>
  <c r="F221" i="5"/>
  <c r="F220" i="5"/>
  <c r="C220" i="5"/>
  <c r="G219" i="5"/>
  <c r="F219" i="5"/>
  <c r="G218" i="5"/>
  <c r="F218" i="5"/>
  <c r="G217" i="5"/>
  <c r="G220" i="5" s="1"/>
  <c r="F217" i="5"/>
  <c r="F209" i="5"/>
  <c r="C208" i="5"/>
  <c r="F214" i="5" s="1"/>
  <c r="F201" i="5"/>
  <c r="F193" i="5"/>
  <c r="F180" i="5"/>
  <c r="C179" i="5"/>
  <c r="F185" i="5" s="1"/>
  <c r="D167" i="5"/>
  <c r="G164" i="5" s="1"/>
  <c r="G167" i="5" s="1"/>
  <c r="C167" i="5"/>
  <c r="F166" i="5" s="1"/>
  <c r="G166" i="5"/>
  <c r="G165" i="5"/>
  <c r="F164" i="5"/>
  <c r="G162" i="5"/>
  <c r="G161" i="5"/>
  <c r="G160" i="5"/>
  <c r="G158" i="5"/>
  <c r="G157" i="5"/>
  <c r="D156" i="5"/>
  <c r="G159" i="5" s="1"/>
  <c r="C156" i="5"/>
  <c r="F140" i="5" s="1"/>
  <c r="G155" i="5"/>
  <c r="G154" i="5"/>
  <c r="G153" i="5"/>
  <c r="G152" i="5"/>
  <c r="G151" i="5"/>
  <c r="G150" i="5"/>
  <c r="G149" i="5"/>
  <c r="G148" i="5"/>
  <c r="G147" i="5"/>
  <c r="G146" i="5"/>
  <c r="G145" i="5"/>
  <c r="G144" i="5"/>
  <c r="G143" i="5"/>
  <c r="G142" i="5"/>
  <c r="G141" i="5"/>
  <c r="G156" i="5" s="1"/>
  <c r="G140" i="5"/>
  <c r="G139" i="5"/>
  <c r="G138" i="5"/>
  <c r="G136" i="5"/>
  <c r="F135" i="5"/>
  <c r="F134" i="5"/>
  <c r="G132" i="5"/>
  <c r="F131" i="5"/>
  <c r="D130" i="5"/>
  <c r="G133" i="5" s="1"/>
  <c r="C130" i="5"/>
  <c r="F133" i="5" s="1"/>
  <c r="G129" i="5"/>
  <c r="F128" i="5"/>
  <c r="F127" i="5"/>
  <c r="G126" i="5"/>
  <c r="F126" i="5"/>
  <c r="G125" i="5"/>
  <c r="F124" i="5"/>
  <c r="F123" i="5"/>
  <c r="G122" i="5"/>
  <c r="F122" i="5"/>
  <c r="G121" i="5"/>
  <c r="F120" i="5"/>
  <c r="F119" i="5"/>
  <c r="G118" i="5"/>
  <c r="F118" i="5"/>
  <c r="G117" i="5"/>
  <c r="F116" i="5"/>
  <c r="F115" i="5"/>
  <c r="G114" i="5"/>
  <c r="F114" i="5"/>
  <c r="G113" i="5"/>
  <c r="F112" i="5"/>
  <c r="F105" i="5"/>
  <c r="F104" i="5"/>
  <c r="F102" i="5"/>
  <c r="F101" i="5"/>
  <c r="D100" i="5"/>
  <c r="G104" i="5" s="1"/>
  <c r="C100" i="5"/>
  <c r="F103" i="5" s="1"/>
  <c r="F99" i="5"/>
  <c r="F98" i="5"/>
  <c r="F97" i="5"/>
  <c r="G96" i="5"/>
  <c r="F96" i="5"/>
  <c r="F95" i="5"/>
  <c r="F94" i="5"/>
  <c r="F93" i="5"/>
  <c r="F100" i="5" s="1"/>
  <c r="F86" i="5"/>
  <c r="F82" i="5"/>
  <c r="F81" i="5"/>
  <c r="F79" i="5"/>
  <c r="F78" i="5"/>
  <c r="D77" i="5"/>
  <c r="G81" i="5" s="1"/>
  <c r="C77" i="5"/>
  <c r="F87" i="5" s="1"/>
  <c r="F76" i="5"/>
  <c r="F75" i="5"/>
  <c r="F74" i="5"/>
  <c r="F73" i="5"/>
  <c r="F72" i="5"/>
  <c r="F71" i="5"/>
  <c r="F70" i="5"/>
  <c r="F77" i="5" s="1"/>
  <c r="F64" i="5"/>
  <c r="F61" i="5"/>
  <c r="F59" i="5"/>
  <c r="C58" i="5"/>
  <c r="F63" i="5" s="1"/>
  <c r="F57" i="5"/>
  <c r="F53" i="5"/>
  <c r="D45" i="5"/>
  <c r="F295" i="5"/>
  <c r="F307" i="5"/>
  <c r="D291" i="5"/>
  <c r="F293" i="5"/>
  <c r="C307" i="5"/>
  <c r="D307" i="5"/>
  <c r="D293" i="5"/>
  <c r="D295" i="5"/>
  <c r="G293" i="5"/>
  <c r="G214" i="6" l="1"/>
  <c r="F148" i="5"/>
  <c r="F143" i="5"/>
  <c r="F151" i="5"/>
  <c r="F158" i="5"/>
  <c r="F186" i="5"/>
  <c r="F199" i="5"/>
  <c r="F252" i="6"/>
  <c r="F337" i="6"/>
  <c r="F345" i="6"/>
  <c r="G437" i="6"/>
  <c r="G446" i="6"/>
  <c r="G451" i="6"/>
  <c r="G598" i="6"/>
  <c r="G599" i="6"/>
  <c r="F35" i="7"/>
  <c r="F31" i="7"/>
  <c r="F27" i="7"/>
  <c r="F23" i="7"/>
  <c r="F36" i="7"/>
  <c r="F32" i="7"/>
  <c r="F28" i="7"/>
  <c r="F24" i="7"/>
  <c r="G324" i="12"/>
  <c r="G320" i="12"/>
  <c r="G316" i="12"/>
  <c r="G312" i="12"/>
  <c r="G326" i="12"/>
  <c r="G322" i="12"/>
  <c r="G318" i="12"/>
  <c r="G314" i="12"/>
  <c r="G310" i="12"/>
  <c r="G325" i="12"/>
  <c r="G321" i="12"/>
  <c r="G317" i="12"/>
  <c r="G313" i="12"/>
  <c r="G309" i="12"/>
  <c r="F144" i="5"/>
  <c r="F159" i="5"/>
  <c r="F139" i="5"/>
  <c r="F147" i="5"/>
  <c r="F155" i="5"/>
  <c r="F162" i="5"/>
  <c r="F215" i="5"/>
  <c r="F219" i="6"/>
  <c r="F223" i="6"/>
  <c r="F230" i="6"/>
  <c r="F241" i="6"/>
  <c r="F245" i="6"/>
  <c r="F333" i="6"/>
  <c r="F341" i="6"/>
  <c r="G428" i="6"/>
  <c r="F60" i="5"/>
  <c r="G71" i="5"/>
  <c r="G75" i="5"/>
  <c r="G78" i="5"/>
  <c r="G82" i="5"/>
  <c r="G94" i="5"/>
  <c r="G98" i="5"/>
  <c r="G101" i="5"/>
  <c r="G105" i="5"/>
  <c r="G115" i="5"/>
  <c r="G119" i="5"/>
  <c r="G123" i="5"/>
  <c r="G127" i="5"/>
  <c r="G134" i="5"/>
  <c r="F187" i="5"/>
  <c r="F200" i="5"/>
  <c r="F16" i="6"/>
  <c r="F24" i="6"/>
  <c r="G230" i="6"/>
  <c r="G252" i="6"/>
  <c r="G333" i="6"/>
  <c r="G337" i="6"/>
  <c r="G341" i="6"/>
  <c r="G345" i="6"/>
  <c r="G433" i="6"/>
  <c r="G442" i="6"/>
  <c r="G447" i="6"/>
  <c r="F451" i="6"/>
  <c r="F447" i="6"/>
  <c r="F443" i="6"/>
  <c r="F439" i="6"/>
  <c r="F435" i="6"/>
  <c r="F431" i="6"/>
  <c r="F464" i="6"/>
  <c r="F481" i="6"/>
  <c r="F486" i="6"/>
  <c r="F543" i="6"/>
  <c r="F539" i="6"/>
  <c r="F535" i="6"/>
  <c r="F531" i="6"/>
  <c r="F527" i="6"/>
  <c r="F544" i="6" s="1"/>
  <c r="F552" i="6"/>
  <c r="F557" i="6"/>
  <c r="F563" i="6"/>
  <c r="F25" i="7"/>
  <c r="G311" i="12"/>
  <c r="G319" i="12"/>
  <c r="F54" i="5"/>
  <c r="F58" i="5" s="1"/>
  <c r="F62" i="5"/>
  <c r="G72" i="5"/>
  <c r="G76" i="5"/>
  <c r="G79" i="5"/>
  <c r="G86" i="5"/>
  <c r="G95" i="5"/>
  <c r="G99" i="5"/>
  <c r="G102" i="5"/>
  <c r="G112" i="5"/>
  <c r="G116" i="5"/>
  <c r="G120" i="5"/>
  <c r="G124" i="5"/>
  <c r="G128" i="5"/>
  <c r="G131" i="5"/>
  <c r="G135" i="5"/>
  <c r="F181" i="5"/>
  <c r="F194" i="5"/>
  <c r="F208" i="5" s="1"/>
  <c r="F202" i="5"/>
  <c r="F210" i="5"/>
  <c r="F18" i="6"/>
  <c r="F26" i="6"/>
  <c r="G434" i="6"/>
  <c r="G439" i="6"/>
  <c r="G448" i="6"/>
  <c r="F469" i="6"/>
  <c r="F462" i="6"/>
  <c r="F458" i="6"/>
  <c r="F470" i="6"/>
  <c r="F491" i="6"/>
  <c r="F484" i="6"/>
  <c r="F480" i="6"/>
  <c r="F492" i="6"/>
  <c r="F553" i="6"/>
  <c r="F559" i="6"/>
  <c r="F564" i="6"/>
  <c r="G597" i="6"/>
  <c r="F26" i="7"/>
  <c r="F33" i="7"/>
  <c r="F155" i="7"/>
  <c r="F148" i="7"/>
  <c r="F152" i="7" s="1"/>
  <c r="F154" i="7"/>
  <c r="F159" i="7"/>
  <c r="F157" i="7"/>
  <c r="F150" i="7"/>
  <c r="G368" i="12"/>
  <c r="G347" i="12"/>
  <c r="G343" i="12"/>
  <c r="G339" i="12"/>
  <c r="G335" i="12"/>
  <c r="G349" i="12"/>
  <c r="G345" i="12"/>
  <c r="G341" i="12"/>
  <c r="G337" i="12"/>
  <c r="G333" i="12"/>
  <c r="G348" i="12"/>
  <c r="G344" i="12"/>
  <c r="G340" i="12"/>
  <c r="G336" i="12"/>
  <c r="G332" i="12"/>
  <c r="F342" i="6"/>
  <c r="F56" i="5"/>
  <c r="F80" i="5"/>
  <c r="F113" i="5"/>
  <c r="F130" i="5" s="1"/>
  <c r="F117" i="5"/>
  <c r="F121" i="5"/>
  <c r="F125" i="5"/>
  <c r="F129" i="5"/>
  <c r="F132" i="5"/>
  <c r="F136" i="5"/>
  <c r="F141" i="5"/>
  <c r="F145" i="5"/>
  <c r="F149" i="5"/>
  <c r="F153" i="5"/>
  <c r="F160" i="5"/>
  <c r="F165" i="5"/>
  <c r="F167" i="5" s="1"/>
  <c r="F174" i="5"/>
  <c r="F182" i="5"/>
  <c r="F195" i="5"/>
  <c r="F203" i="5"/>
  <c r="F211" i="5"/>
  <c r="F12" i="6"/>
  <c r="F19" i="6"/>
  <c r="G18" i="12"/>
  <c r="G17" i="13"/>
  <c r="G17" i="12"/>
  <c r="G16" i="12"/>
  <c r="F221" i="6"/>
  <c r="F225" i="6"/>
  <c r="F228" i="6"/>
  <c r="F232" i="6"/>
  <c r="F243" i="6"/>
  <c r="F247" i="6"/>
  <c r="F250" i="6"/>
  <c r="F254" i="6"/>
  <c r="F335" i="6"/>
  <c r="F339" i="6"/>
  <c r="F343" i="6"/>
  <c r="F370" i="6"/>
  <c r="F372" i="6" s="1"/>
  <c r="G430" i="6"/>
  <c r="G435" i="6"/>
  <c r="F440" i="6"/>
  <c r="G444" i="6"/>
  <c r="F449" i="6"/>
  <c r="F461" i="6"/>
  <c r="G470" i="6"/>
  <c r="G491" i="6"/>
  <c r="G484" i="6"/>
  <c r="G480" i="6"/>
  <c r="G487" i="6" s="1"/>
  <c r="G492" i="6"/>
  <c r="G585" i="6"/>
  <c r="F39" i="7"/>
  <c r="F42" i="7" s="1"/>
  <c r="F41" i="7"/>
  <c r="F153" i="7"/>
  <c r="F393" i="12"/>
  <c r="G603" i="12"/>
  <c r="F13" i="6"/>
  <c r="F20" i="6"/>
  <c r="G221" i="6"/>
  <c r="G227" i="6" s="1"/>
  <c r="G225" i="6"/>
  <c r="G228" i="6"/>
  <c r="G243" i="6"/>
  <c r="G249" i="6" s="1"/>
  <c r="G247" i="6"/>
  <c r="G250" i="6"/>
  <c r="G335" i="6"/>
  <c r="G339" i="6"/>
  <c r="G431" i="6"/>
  <c r="F436" i="6"/>
  <c r="F452" i="6" s="1"/>
  <c r="G440" i="6"/>
  <c r="F445" i="6"/>
  <c r="G449" i="6"/>
  <c r="F457" i="6"/>
  <c r="F465" i="6" s="1"/>
  <c r="G461" i="6"/>
  <c r="F466" i="6"/>
  <c r="F471" i="6"/>
  <c r="F483" i="6"/>
  <c r="F487" i="6" s="1"/>
  <c r="F488" i="6"/>
  <c r="F493" i="6"/>
  <c r="F530" i="6"/>
  <c r="F536" i="6"/>
  <c r="F541" i="6"/>
  <c r="F549" i="6"/>
  <c r="F555" i="6"/>
  <c r="F560" i="6"/>
  <c r="F34" i="7"/>
  <c r="F156" i="7"/>
  <c r="F17" i="12"/>
  <c r="G315" i="12"/>
  <c r="G323" i="12"/>
  <c r="F152" i="5"/>
  <c r="G73" i="5"/>
  <c r="G103" i="5"/>
  <c r="F175" i="5"/>
  <c r="F183" i="5"/>
  <c r="F196" i="5"/>
  <c r="F212" i="5"/>
  <c r="F138" i="5"/>
  <c r="F142" i="5"/>
  <c r="F146" i="5"/>
  <c r="F150" i="5"/>
  <c r="F154" i="5"/>
  <c r="F157" i="5"/>
  <c r="F161" i="5"/>
  <c r="F177" i="5"/>
  <c r="F184" i="5"/>
  <c r="F197" i="5"/>
  <c r="F205" i="5"/>
  <c r="F213" i="5"/>
  <c r="F14" i="6"/>
  <c r="F191" i="6"/>
  <c r="F195" i="6"/>
  <c r="F199" i="6"/>
  <c r="F203" i="6"/>
  <c r="F207" i="6"/>
  <c r="F222" i="6"/>
  <c r="F226" i="6"/>
  <c r="F229" i="6"/>
  <c r="F244" i="6"/>
  <c r="F248" i="6"/>
  <c r="F251" i="6"/>
  <c r="F290" i="6"/>
  <c r="F305" i="6" s="1"/>
  <c r="F294" i="6"/>
  <c r="F298" i="6"/>
  <c r="F313" i="6"/>
  <c r="F328" i="6" s="1"/>
  <c r="F317" i="6"/>
  <c r="F321" i="6"/>
  <c r="F336" i="6"/>
  <c r="F340" i="6"/>
  <c r="F358" i="6"/>
  <c r="F365" i="6" s="1"/>
  <c r="F432" i="6"/>
  <c r="G436" i="6"/>
  <c r="F441" i="6"/>
  <c r="G445" i="6"/>
  <c r="F450" i="6"/>
  <c r="G457" i="6"/>
  <c r="G462" i="6"/>
  <c r="G466" i="6"/>
  <c r="G471" i="6"/>
  <c r="G483" i="6"/>
  <c r="G488" i="6"/>
  <c r="G493" i="6"/>
  <c r="G600" i="6"/>
  <c r="F22" i="7"/>
  <c r="F29" i="7"/>
  <c r="F158" i="7"/>
  <c r="G236" i="12"/>
  <c r="G232" i="12"/>
  <c r="G228" i="12"/>
  <c r="G224" i="12"/>
  <c r="G220" i="12"/>
  <c r="G216" i="12"/>
  <c r="G239" i="12" s="1"/>
  <c r="G238" i="12"/>
  <c r="G234" i="12"/>
  <c r="G230" i="12"/>
  <c r="G226" i="12"/>
  <c r="G222" i="12"/>
  <c r="G218" i="12"/>
  <c r="G237" i="12"/>
  <c r="G233" i="12"/>
  <c r="G229" i="12"/>
  <c r="G225" i="12"/>
  <c r="G221" i="12"/>
  <c r="G217" i="12"/>
  <c r="G271" i="12"/>
  <c r="G267" i="12"/>
  <c r="G274" i="12" s="1"/>
  <c r="G273" i="12"/>
  <c r="G269" i="12"/>
  <c r="G272" i="12"/>
  <c r="G268" i="12"/>
  <c r="G80" i="5"/>
  <c r="G87" i="5"/>
  <c r="F204" i="5"/>
  <c r="G70" i="5"/>
  <c r="G77" i="5" s="1"/>
  <c r="G74" i="5"/>
  <c r="G93" i="5"/>
  <c r="G97" i="5"/>
  <c r="F178" i="5"/>
  <c r="F198" i="5"/>
  <c r="F206" i="5"/>
  <c r="F18" i="12"/>
  <c r="F17" i="13"/>
  <c r="F16" i="12"/>
  <c r="F22" i="6"/>
  <c r="G432" i="6"/>
  <c r="G441" i="6"/>
  <c r="F566" i="6"/>
  <c r="F562" i="6"/>
  <c r="F558" i="6"/>
  <c r="F554" i="6"/>
  <c r="F550" i="6"/>
  <c r="G338" i="12"/>
  <c r="G346" i="12"/>
  <c r="F152" i="8"/>
  <c r="F156" i="8"/>
  <c r="F159" i="8"/>
  <c r="F163" i="8"/>
  <c r="F174" i="8"/>
  <c r="F178" i="8"/>
  <c r="F181" i="8"/>
  <c r="F185" i="8"/>
  <c r="G354" i="12"/>
  <c r="G358" i="12"/>
  <c r="G362" i="12"/>
  <c r="G366" i="12"/>
  <c r="G392" i="12"/>
  <c r="G393" i="12" s="1"/>
  <c r="G480" i="12"/>
  <c r="G484" i="12"/>
  <c r="F160" i="8"/>
  <c r="F182" i="8"/>
  <c r="G481" i="12"/>
  <c r="G485" i="12"/>
  <c r="G122" i="8"/>
  <c r="G126" i="8"/>
  <c r="G130" i="8"/>
  <c r="G134" i="8"/>
  <c r="G138" i="8"/>
  <c r="G142" i="8"/>
  <c r="G160" i="8"/>
  <c r="G182" i="8"/>
  <c r="F356" i="12"/>
  <c r="F360" i="12"/>
  <c r="F364" i="12"/>
  <c r="F381" i="12"/>
  <c r="F385" i="12"/>
  <c r="F390" i="12"/>
  <c r="F590" i="12"/>
  <c r="F594" i="12"/>
  <c r="F598" i="12"/>
  <c r="F602" i="12"/>
  <c r="G22" i="7"/>
  <c r="G37" i="7" s="1"/>
  <c r="G26" i="7"/>
  <c r="G30" i="7"/>
  <c r="G123" i="8"/>
  <c r="G127" i="8"/>
  <c r="G131" i="8"/>
  <c r="G135" i="8"/>
  <c r="G139" i="8"/>
  <c r="G150" i="8"/>
  <c r="G157" i="8" s="1"/>
  <c r="G154" i="8"/>
  <c r="G161" i="8"/>
  <c r="G172" i="8"/>
  <c r="G179" i="8" s="1"/>
  <c r="G176" i="8"/>
  <c r="G183" i="8"/>
  <c r="F216" i="12"/>
  <c r="F239" i="12" s="1"/>
  <c r="F220" i="12"/>
  <c r="F224" i="12"/>
  <c r="F228" i="12"/>
  <c r="F232" i="12"/>
  <c r="F236" i="12"/>
  <c r="F267" i="12"/>
  <c r="F274" i="12" s="1"/>
  <c r="F271" i="12"/>
  <c r="F324" i="12"/>
  <c r="F357" i="12"/>
  <c r="F361" i="12"/>
  <c r="F365" i="12"/>
  <c r="F368" i="12"/>
  <c r="F391" i="12"/>
  <c r="G527" i="6"/>
  <c r="G544" i="6" s="1"/>
  <c r="G531" i="6"/>
  <c r="G535" i="6"/>
  <c r="G539" i="6"/>
  <c r="G550" i="6"/>
  <c r="G567" i="6" s="1"/>
  <c r="G554" i="6"/>
  <c r="G558" i="6"/>
  <c r="G562" i="6"/>
  <c r="F151" i="8"/>
  <c r="F157" i="8" s="1"/>
  <c r="F155" i="8"/>
  <c r="F158" i="8"/>
  <c r="F173" i="8"/>
  <c r="F179" i="8" s="1"/>
  <c r="F177" i="8"/>
  <c r="F180" i="8"/>
  <c r="F29" i="12"/>
  <c r="F30" i="12" s="1"/>
  <c r="F36" i="12"/>
  <c r="G247" i="12"/>
  <c r="G252" i="12" s="1"/>
  <c r="G357" i="12"/>
  <c r="G361" i="12"/>
  <c r="G452" i="12"/>
  <c r="G473" i="12" s="1"/>
  <c r="G456" i="12"/>
  <c r="G460" i="12"/>
  <c r="G464" i="12"/>
  <c r="G468" i="12"/>
  <c r="G479" i="12"/>
  <c r="G486" i="12" s="1"/>
  <c r="G503" i="12"/>
  <c r="G508" i="12" s="1"/>
  <c r="G548" i="12"/>
  <c r="G565" i="12" s="1"/>
  <c r="G552" i="12"/>
  <c r="G556" i="12"/>
  <c r="G560" i="12"/>
  <c r="G571" i="12"/>
  <c r="G575" i="12"/>
  <c r="G588" i="12" s="1"/>
  <c r="G579" i="12"/>
  <c r="G583" i="12"/>
  <c r="G151" i="8"/>
  <c r="G155" i="8"/>
  <c r="G158" i="8"/>
  <c r="G173" i="8"/>
  <c r="G177" i="8"/>
  <c r="G180" i="8"/>
  <c r="F217" i="12"/>
  <c r="F221" i="12"/>
  <c r="F225" i="12"/>
  <c r="F229" i="12"/>
  <c r="F233" i="12"/>
  <c r="F268" i="12"/>
  <c r="F309" i="12"/>
  <c r="F313" i="12"/>
  <c r="F317" i="12"/>
  <c r="F321" i="12"/>
  <c r="F327" i="12" s="1"/>
  <c r="F332" i="12"/>
  <c r="F350" i="12" s="1"/>
  <c r="F336" i="12"/>
  <c r="F340" i="12"/>
  <c r="F344" i="12"/>
  <c r="F354" i="12"/>
  <c r="F358" i="12"/>
  <c r="F362" i="12"/>
  <c r="F379" i="12"/>
  <c r="F386" i="12" s="1"/>
  <c r="F480" i="12"/>
  <c r="F486" i="12" s="1"/>
  <c r="F592" i="12"/>
  <c r="F596" i="12"/>
  <c r="F214" i="6" l="1"/>
  <c r="F603" i="12"/>
  <c r="G367" i="12"/>
  <c r="F15" i="6"/>
  <c r="G327" i="12"/>
  <c r="F367" i="12"/>
  <c r="G350" i="12"/>
  <c r="G601" i="6"/>
  <c r="F346" i="6"/>
  <c r="F156" i="5"/>
  <c r="F567" i="6"/>
  <c r="G346" i="6"/>
  <c r="G19" i="12"/>
  <c r="F249" i="6"/>
  <c r="G100" i="5"/>
  <c r="F37" i="7"/>
  <c r="G465" i="6"/>
  <c r="G130" i="5"/>
  <c r="G144" i="8"/>
  <c r="F19" i="12"/>
  <c r="F179" i="5"/>
  <c r="F227" i="6"/>
  <c r="G452" i="6"/>
</calcChain>
</file>

<file path=xl/sharedStrings.xml><?xml version="1.0" encoding="utf-8"?>
<sst xmlns="http://schemas.openxmlformats.org/spreadsheetml/2006/main" count="5862" uniqueCount="3002">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Site is intended for use as a directory of information relating to certain covered bond products ("Products") (the "Product Information") by an issuer of ("Issuer"), or potential investor in ("Investor"), such Products (an Issuer, Investor, or any other person accessing this Site, each a "User" or "you").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si>
  <si>
    <t xml:space="preserve"> These terms and conditions together with the documents referred to in them set out the terms of use ("T&amp;Cs") on which (a) an Issuer; (b) Investor; or (c) any other User, may make use of the Site. Section A applies primarily to Investors, and Section B applies primarily to Issuers. The General T&amp;Cs in Section C apply to all Users.</t>
  </si>
  <si>
    <t>Our Acceptable Use Policy and Privacy Policy are incorporated into these T&amp;Cs.</t>
  </si>
  <si>
    <t xml:space="preserve"> Please read the T&amp;Cs carefully before you start to use the Site. By clicking 'Accept' you indicate that you accept these T&amp;Cs and that you agree to abide by them.</t>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PRODUCT INFORMATION IS DISPLAYED ON THE SITE "AS IS" AND HAS NOT BEEN INDEPENDENTLY VERIFIED BY US. BY YOUR USE OF THE SITE, YOU AGREE THAT WE HAVE NO LIABILITY WHATSOEVER REGARDING THE ACCURACY OF COMPLETENESS OF THE PRODUCT INFORMATION ON THIS SITE. Inclusion of Product Information in the directory on the Site does not constitute a warranty or representation by us that the Product is a covered bond product or complies with any particular criteria or regulations.</t>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t>Issuers will be provided with a unique user identification code and password (the "User Details") in order to access the Site for the sole purpose of uploading and/or validating Product Information on the Site. Such User Details are granted by us for the sole and exclusive use of the Issuer.</t>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t>When using the Site, you must comply with the provisions of our Acceptable Use Policy.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Acceptable Use Policy that you commit.</t>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t>The Covered Bond Label Foundation ("we" or "us") is committed to protecting and respecting the privacy of our users.</t>
  </si>
  <si>
    <t>This policy (together with our Terms of Use and any other documents referred to on it) sets out the basis on which any personal information we collect from, or that is provided to us by, a user (including from any individual who represents, and/or acts on behalf of, a user) ("you") will be processed by us or by third parties. Please read the following carefully to understand our views and practices regarding your personal information and how we will treat it.</t>
  </si>
  <si>
    <t>For the purpose of the Law of 8 December 1992 on the protection of privacy in relation to processing of personal information (loi relative à la protection de la vie privée à l'égard des traitements de données à caractère personnel / wet tot bescherming van de persoonlijke levensfeer ten opzichte van de verwerking van persoonsgegevens) (the "Belgian DPL"), we (the Covered Bond Label Foundation) are the data controller.</t>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t>· By submitting your personal information, you also agree that such information may be transferred to, and stored at, a destination outside the European Economic Area ("EEA"), whether or not an adequate level of protection in ensured for personal information in the country of reception.</t>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Harmonised Transparency Template</t>
  </si>
  <si>
    <t>2023  Version</t>
  </si>
  <si>
    <t>[Insert Country]</t>
  </si>
  <si>
    <t>[Insert Issuer]</t>
  </si>
  <si>
    <t>Reporting Date: 18/04/23</t>
  </si>
  <si>
    <t>Cut-off Date: 31/03/23</t>
  </si>
  <si>
    <t>Index</t>
  </si>
  <si>
    <t>Worksheet A: HTT General</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Worksheet E: Optional ECB-ECAIs data</t>
  </si>
  <si>
    <t>Worksheet F1: Optional Sustainable M data</t>
  </si>
  <si>
    <t>Temp. Optional COVID 19 impact</t>
  </si>
  <si>
    <t>Completion Instructions</t>
  </si>
  <si>
    <t>Please delete this tab once you have completed this file</t>
  </si>
  <si>
    <t>1. Every pool has one separate HTT. Issuers with more than one cover pool have to present as many separate HTTs as the number of pools.</t>
  </si>
  <si>
    <t>2.  All cells that include “[For completion]” and “[Mark as ND if not relevant]” needs to be completed</t>
  </si>
  <si>
    <t>3. The  "[For completion]" or "[Mark as ND if not relevant]" cells could be filled with:</t>
  </si>
  <si>
    <t>3.A Numbers: Please insert the appropriate data</t>
  </si>
  <si>
    <t>3.B Letters: Please insert either No Data (ND)</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Please do not forget to change the name of the worksheet in order to be consistent with the numbering of the existing ones (starting with D.).</t>
  </si>
  <si>
    <t>Please update the Introduction Tab accordingly.</t>
  </si>
  <si>
    <t>7. Please delete tab D (Insert National Transparency Template) and the example tabs if unused.</t>
  </si>
  <si>
    <t>Please update the introduction Tab accordingly.</t>
  </si>
  <si>
    <t>8. Should you make references to external documents or cells in this document, please insert the hyperlink.</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11. Since the regional breakdown denomination (Tab. B1 HTT Mortgage Assets - section 7.5., Tab B2 HTT Public Sector Assets - section 8.5) is decided at national level, please follow the agreed dispositions which can be found in the HTT Completion Guideline</t>
  </si>
  <si>
    <t>12. For any further questions on how to complete the HTT please consult in the following order:</t>
  </si>
  <si>
    <t>(i) the HTT Completion Guideline</t>
  </si>
  <si>
    <t>(ii)  the relevant National Coordinator</t>
  </si>
  <si>
    <t>(iii) the Covered Bond Label Secretariat</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Updates for  HTT 2023</t>
  </si>
  <si>
    <t xml:space="preserve">Here below the list of updates of HTT 2023 with respect to HTT 2022 agreed during meeting of the Label Committee of 20 September 2022. </t>
  </si>
  <si>
    <t>1. All worksheets: Update the year of the HTT template next to the title of each</t>
  </si>
  <si>
    <t>2. Worksheet “A. HTT General”: Section 2.2 Regulatory Summary cell C27 addition of reference to Basel Compliance and substitution UCITS compliance with CBD compliance</t>
  </si>
  <si>
    <t>3. Worksheet “A. HTT General”: Section 3.2 update of OC definitions to be in line with Art 14.2f of the CBD (legal/regulatory --&gt; statutory, actual --&gt; voluntary, committed --&gt; contractual). Definitions are reported in the Glossary correction of numbering of the rows of sections starting from 7A.18 until 7B.29</t>
  </si>
  <si>
    <t>4. Worksheet “A. HTT General”: Section 3.6 "Cover Assets Currency" and 3.7 "Covered Bond Currency", addition of ISK as new currenty</t>
  </si>
  <si>
    <t>5. Worksheet “A. HTT General”: Section 4 substitution of the CRR Art 129.7 checklist with Covered Bond Directive Art 14 Checklist</t>
  </si>
  <si>
    <t>6. Worksheet “A. HTT General”: Section 5 amendment in the CRR Art 129.1 checklist</t>
  </si>
  <si>
    <t>7. Worksheets “B1. HTT Mortgage Assets”, “B2. HTT Public Sector Assets", "B3. HTT Shipping Assets": NPL section (B1, B2 - Section 9, B3 - Section 7) update</t>
  </si>
  <si>
    <t xml:space="preserve">8. Worksheet “B1. HTT Mortgage Assets”: Sections 11 and 12 correction of the broken links in the title </t>
  </si>
  <si>
    <t>9. Worksheets “B1. HTT Mortgage Assets", "F1. Optional Sustainable M data": Sections 17 and 27 "House Age Structure" amended the brakedown and ADDED extra rows</t>
  </si>
  <si>
    <t>10. Worksheets “B1. HTT Mortgage Assets", "F1. Optional Sustainable M data": Sections 20 and 29 "CO2 Emission" amended the structure of the section to align with the HDT</t>
  </si>
  <si>
    <t>11. Worksheet “C. HTT Harmonised Glossary”: addition of a new line on the Maturity Extention Triggers (HG.1.7) and a new line on the Valuation Method (HG.1.15)</t>
  </si>
  <si>
    <t>12. Worksheet “F1. HTT – Sustainable Mortgage Data”: section 2.1 addition of a new optional entry "o/w Renewable Energy and Renewable Energy Transmission"</t>
  </si>
  <si>
    <t>13. Rename Worksheet into "F1. HTT - Sustainable Mortgage Data" taking out optional</t>
  </si>
  <si>
    <t>14. Rename Worksheet "Temp. Optional COVID-19" into "G1. Crisis M Payment Holidays"</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 xml:space="preserve">The HTT is compulsory in order to be considered Covered Bond Label compliant. The NTT can be added in order to provide further information at national discretion. </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t>The HTT should be posted in the same location as the National Transparency Template (NTT) is currently posted, i.e. on the issuer's website. There is no common platform for the HTT.</t>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 xml:space="preserve">Liquid assets are defined as central bank eligible assets, substitute and other marketable assets. This total is calculated over both outstanding covered bonds and outstanding cover assets. </t>
  </si>
  <si>
    <t>Question 10: How should the "expected" and "contractual" columns of the "Cover pool amortisation profile" be understood?</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Question 12: How should the cover assets and covered bonds distribution by currency be populated in section 3.6 and 3.7 in Tab A. HTT General?</t>
  </si>
  <si>
    <t>Response 12</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Question 13: How should the covered bonds distribution by interest rate be populated in section 3.8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4: How should arrears be populated in Tab E. Optional ECB-ECAIs data?</t>
  </si>
  <si>
    <t>Response 14</t>
  </si>
  <si>
    <t xml:space="preserve">Performing loans should be excluded from the "1-&lt;30 days" bucket. If a loan is in arrears, please report the entire principal amount for the loan, not just the instalment that is in arrears. </t>
  </si>
  <si>
    <t xml:space="preserve">A. Harmonised Transparency Template - General Information </t>
  </si>
  <si>
    <t>HTT 2023</t>
  </si>
  <si>
    <t>Reporting in Domestic Currency</t>
  </si>
  <si>
    <t>SEK</t>
  </si>
  <si>
    <t>CONTENT OF TAB A</t>
  </si>
  <si>
    <t>1. Basic Facts</t>
  </si>
  <si>
    <t>2. Regulatory Summary</t>
  </si>
  <si>
    <t>3. General Cover Pool / Covered Bond Information</t>
  </si>
  <si>
    <t>`</t>
  </si>
  <si>
    <t>4. Compliance Art 14 CBD Check Table</t>
  </si>
  <si>
    <t>5. References to Capital Requirements Regulation (CRR) 129(1)</t>
  </si>
  <si>
    <t>6. Other relevant information</t>
  </si>
  <si>
    <t>Field Number</t>
  </si>
  <si>
    <t>G.1.1.1</t>
  </si>
  <si>
    <t>Country</t>
  </si>
  <si>
    <t>Sweden</t>
  </si>
  <si>
    <t>G.1.1.2</t>
  </si>
  <si>
    <t>Issuer Name</t>
  </si>
  <si>
    <t>Skandinaviska Enskilda Banken</t>
  </si>
  <si>
    <t>G.1.1.3</t>
  </si>
  <si>
    <t>Link to Issuer's Website</t>
  </si>
  <si>
    <t>http://www.sebgroup.com</t>
  </si>
  <si>
    <t>G.1.1.4</t>
  </si>
  <si>
    <t>Cut-off date</t>
  </si>
  <si>
    <t>31/03/23</t>
  </si>
  <si>
    <t>OG.1.1.1</t>
  </si>
  <si>
    <t>Optional information e.g. Contact names</t>
  </si>
  <si>
    <t>Mikael Angervall</t>
  </si>
  <si>
    <t>OG.1.1.2</t>
  </si>
  <si>
    <t>Optional information e.g. Parent name</t>
  </si>
  <si>
    <t>OG.1.1.3</t>
  </si>
  <si>
    <t>OG.1.1.4</t>
  </si>
  <si>
    <t>OG.1.1.5</t>
  </si>
  <si>
    <t>OG.1.1.6</t>
  </si>
  <si>
    <t>OG.1.1.7</t>
  </si>
  <si>
    <t>OG.1.1.8</t>
  </si>
  <si>
    <t>G.2.1.1</t>
  </si>
  <si>
    <t>Basel Compliance, subject to national jursdiction (Y/N)</t>
  </si>
  <si>
    <t>Y</t>
  </si>
  <si>
    <t>G.2.1.2</t>
  </si>
  <si>
    <t>CBD Compliance</t>
  </si>
  <si>
    <t>G.2.1.3</t>
  </si>
  <si>
    <t>CRR Compliance (Y/N)</t>
  </si>
  <si>
    <t>https://www.coveredbondlabel.com</t>
  </si>
  <si>
    <t>N</t>
  </si>
  <si>
    <t>OG.2.1.1</t>
  </si>
  <si>
    <t>LCR status</t>
  </si>
  <si>
    <t>Non-EEA, Art 14 CBD compliant</t>
  </si>
  <si>
    <t>OG.2.1.2</t>
  </si>
  <si>
    <t>OG.2.1.3</t>
  </si>
  <si>
    <t>OG.2.1.4</t>
  </si>
  <si>
    <t>OG.2.1.5</t>
  </si>
  <si>
    <t>OG.2.1.6</t>
  </si>
  <si>
    <t>1.General Information</t>
  </si>
  <si>
    <t>Nominal (mn)</t>
  </si>
  <si>
    <t>G.3.1.1</t>
  </si>
  <si>
    <t>Total Cover Assets</t>
  </si>
  <si>
    <t>G.3.1.2</t>
  </si>
  <si>
    <t>Outstanding Covered Bonds</t>
  </si>
  <si>
    <t>OG.3.1.1</t>
  </si>
  <si>
    <t>Cover Pool Size [NPV] (mn)</t>
  </si>
  <si>
    <t>OG.3.1.2</t>
  </si>
  <si>
    <t>Outstanding Covered Bonds [NPV] (mn)</t>
  </si>
  <si>
    <t>OG.3.1.3</t>
  </si>
  <si>
    <t>OG.3.1.4</t>
  </si>
  <si>
    <t xml:space="preserve">2. Over-collateralisation (OC) </t>
  </si>
  <si>
    <t>Statutory</t>
  </si>
  <si>
    <t>Voluntary</t>
  </si>
  <si>
    <t>Contractual</t>
  </si>
  <si>
    <t>Purpose</t>
  </si>
  <si>
    <t>G.3.2.1</t>
  </si>
  <si>
    <t>OC (%)</t>
  </si>
  <si>
    <t>ND2</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ND1</t>
  </si>
  <si>
    <t>G.3.3.4</t>
  </si>
  <si>
    <t>Substitute Assets</t>
  </si>
  <si>
    <t>G.3.3.5</t>
  </si>
  <si>
    <t>Other</t>
  </si>
  <si>
    <t>G.3.3.6</t>
  </si>
  <si>
    <t>Total</t>
  </si>
  <si>
    <t>OG.3.3.1</t>
  </si>
  <si>
    <t>o/w [If relevant, please specify]</t>
  </si>
  <si>
    <t>OG.3.3.2</t>
  </si>
  <si>
    <t>OG.3.3.3</t>
  </si>
  <si>
    <t>OG.3.3.4</t>
  </si>
  <si>
    <t>OG.3.3.5</t>
  </si>
  <si>
    <t>OG.3.3.6</t>
  </si>
  <si>
    <t>4. Cover Pool Amortisation Profile</t>
  </si>
  <si>
    <t xml:space="preserve">Contractual </t>
  </si>
  <si>
    <t xml:space="preserve">Expected Upon Prepayments </t>
  </si>
  <si>
    <t>% Total Contractual</t>
  </si>
  <si>
    <t>% Total Expected Upon Prepayments</t>
  </si>
  <si>
    <t>G.3.4.1</t>
  </si>
  <si>
    <t>Weighted Average Life (in years)</t>
  </si>
  <si>
    <t>Residual Life (mn)</t>
  </si>
  <si>
    <t>By buckets:</t>
  </si>
  <si>
    <t>G.3.4.2</t>
  </si>
  <si>
    <t>0 - 1 Y</t>
  </si>
  <si>
    <t>G.3.4.3</t>
  </si>
  <si>
    <t>1 - 2 Y</t>
  </si>
  <si>
    <t>G.3.4.4</t>
  </si>
  <si>
    <t>2 - 3 Y</t>
  </si>
  <si>
    <t>G.3.4.5</t>
  </si>
  <si>
    <t>3 - 4 Y</t>
  </si>
  <si>
    <t>G.3.4.6</t>
  </si>
  <si>
    <t>4 - 5 Y</t>
  </si>
  <si>
    <t>G.3.4.7</t>
  </si>
  <si>
    <t>5 - 10 Y</t>
  </si>
  <si>
    <t>G.3.4.8</t>
  </si>
  <si>
    <t>10+ Y</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Initial Maturity  </t>
  </si>
  <si>
    <t xml:space="preserve">Extended Maturity </t>
  </si>
  <si>
    <t xml:space="preserve">% Total Initial Maturity </t>
  </si>
  <si>
    <t>% Total Extended Maturity</t>
  </si>
  <si>
    <t>G.3.5.1</t>
  </si>
  <si>
    <t>Weighted Average life (in years)</t>
  </si>
  <si>
    <t>Maturity (mn)</t>
  </si>
  <si>
    <t>G.3.5.2</t>
  </si>
  <si>
    <t>G.3.5.3</t>
  </si>
  <si>
    <t>G.3.5.4</t>
  </si>
  <si>
    <t>G.3.5.5</t>
  </si>
  <si>
    <t>G.3.5.6</t>
  </si>
  <si>
    <t>G.3.5.7</t>
  </si>
  <si>
    <t>G.3.5.8</t>
  </si>
  <si>
    <t>G.3.5.9</t>
  </si>
  <si>
    <t>G.3.5.10</t>
  </si>
  <si>
    <t>OG.3.5.1</t>
  </si>
  <si>
    <t>OG.3.5.2</t>
  </si>
  <si>
    <t>OG.3.5.3</t>
  </si>
  <si>
    <t>OG.3.5.4</t>
  </si>
  <si>
    <t>OG.3.5.5</t>
  </si>
  <si>
    <t>OG.3.5.6</t>
  </si>
  <si>
    <t>OG.3.5.7</t>
  </si>
  <si>
    <t>OG.3.5.8</t>
  </si>
  <si>
    <t>OG.3.5.9</t>
  </si>
  <si>
    <t>OG.3.5.10</t>
  </si>
  <si>
    <t>6. Cover Assets - Currency</t>
  </si>
  <si>
    <t>Nominal [before hedging] (mn)</t>
  </si>
  <si>
    <t>Nominal [after hedging] (mn)</t>
  </si>
  <si>
    <t>% Total [before]</t>
  </si>
  <si>
    <t>% Total [after]</t>
  </si>
  <si>
    <t>G.3.6.1</t>
  </si>
  <si>
    <t>EUR</t>
  </si>
  <si>
    <t>curre</t>
  </si>
  <si>
    <t>G.3.6.2</t>
  </si>
  <si>
    <t>AUD</t>
  </si>
  <si>
    <t>G.3.6.3</t>
  </si>
  <si>
    <t>BRL</t>
  </si>
  <si>
    <t>G.3.6.4</t>
  </si>
  <si>
    <t>CAD</t>
  </si>
  <si>
    <t>G.3.6.5</t>
  </si>
  <si>
    <t>CHF</t>
  </si>
  <si>
    <t>G.3.6.6</t>
  </si>
  <si>
    <t>CZK</t>
  </si>
  <si>
    <t>G.3.6.7</t>
  </si>
  <si>
    <t>DKK</t>
  </si>
  <si>
    <t>G.3.6.8</t>
  </si>
  <si>
    <t>GBP</t>
  </si>
  <si>
    <t>G.3.6.9</t>
  </si>
  <si>
    <t>HKD</t>
  </si>
  <si>
    <t>G.3.6.10</t>
  </si>
  <si>
    <t>ISK</t>
  </si>
  <si>
    <t>G.3.6.11</t>
  </si>
  <si>
    <t>JPY</t>
  </si>
  <si>
    <t>KRW</t>
  </si>
  <si>
    <t>G.3.6.12</t>
  </si>
  <si>
    <t>NOK</t>
  </si>
  <si>
    <t>G.3.6.13</t>
  </si>
  <si>
    <t>PLN</t>
  </si>
  <si>
    <t>G.3.6.14</t>
  </si>
  <si>
    <t>G.3.6.15</t>
  </si>
  <si>
    <t>SGD</t>
  </si>
  <si>
    <t>G.3.6.16</t>
  </si>
  <si>
    <t>USD</t>
  </si>
  <si>
    <t>G.3.6.17</t>
  </si>
  <si>
    <t>G.3.6.18</t>
  </si>
  <si>
    <t>G.3.6.19</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G.3.7.17</t>
  </si>
  <si>
    <t>G.3.7.18</t>
  </si>
  <si>
    <t>G.3.7.19</t>
  </si>
  <si>
    <t>OG.3.7.1</t>
  </si>
  <si>
    <t>OG.3.7.2</t>
  </si>
  <si>
    <t>OG.3.7.3</t>
  </si>
  <si>
    <t>OG.3.7.4</t>
  </si>
  <si>
    <t>OG.3.7.5</t>
  </si>
  <si>
    <t>OG.3.7.6</t>
  </si>
  <si>
    <t xml:space="preserve">8. Covered Bonds - Breakdown by interest rate </t>
  </si>
  <si>
    <t>G.3.8.1</t>
  </si>
  <si>
    <t>Fixed coupon</t>
  </si>
  <si>
    <t>G.3.8.2</t>
  </si>
  <si>
    <t>Floating coupon</t>
  </si>
  <si>
    <t>G.3.8.3</t>
  </si>
  <si>
    <t>G.3.8.4</t>
  </si>
  <si>
    <t>OG.3.8.1</t>
  </si>
  <si>
    <t>OG.3.8.2</t>
  </si>
  <si>
    <t>OG.3.8.3</t>
  </si>
  <si>
    <t>OG.3.8.4</t>
  </si>
  <si>
    <t>OG.3.8.5</t>
  </si>
  <si>
    <t>9. Substitute Assets - Type</t>
  </si>
  <si>
    <t>% Substitute Assets</t>
  </si>
  <si>
    <t>G.3.9.1</t>
  </si>
  <si>
    <t>Cash</t>
  </si>
  <si>
    <t>G.3.9.2</t>
  </si>
  <si>
    <t>Exposures to/guaranteed by Supranational, Sovereign, Agency (SSA)</t>
  </si>
  <si>
    <t>G.3.9.3</t>
  </si>
  <si>
    <t>Exposures to central banks</t>
  </si>
  <si>
    <t>G.3.9.4</t>
  </si>
  <si>
    <t>Exposures to credit institutions</t>
  </si>
  <si>
    <t>G.3.9.5</t>
  </si>
  <si>
    <t>G.3.9.6</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Canada</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 Covered Bonds</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https://www.coveredbondlabel.com/</t>
  </si>
  <si>
    <t>13. Derivatives &amp; Swaps</t>
  </si>
  <si>
    <t>G.3.13.1</t>
  </si>
  <si>
    <t>Derivatives in the register / cover pool [notional] (mn)</t>
  </si>
  <si>
    <t>G.3.13.2</t>
  </si>
  <si>
    <t>Type of interest rate swaps (intra-group, external or both)</t>
  </si>
  <si>
    <t>intra_group</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14. Sustainable or other special purpose strategy - optional</t>
  </si>
  <si>
    <t>G.3.14.1</t>
  </si>
  <si>
    <t>Cover pool involved in a sustainable/special purpose strategy? (Y/N)</t>
  </si>
  <si>
    <t>G.3.14.2</t>
  </si>
  <si>
    <t>If yes to G.3.14.1 is there a commitment (1) or are already sustainable components present (2)?</t>
  </si>
  <si>
    <t>G.3.14.3</t>
  </si>
  <si>
    <t xml:space="preserve">specific criteria </t>
  </si>
  <si>
    <t>G.3.14.4</t>
  </si>
  <si>
    <t>link to the committed objective criteria</t>
  </si>
  <si>
    <t>OG.3.14.1</t>
  </si>
  <si>
    <t>OG.3.14.2</t>
  </si>
  <si>
    <t>OG.3.14.3</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4. Compliance Art 14 CBD Check table</t>
  </si>
  <si>
    <t>Row</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G.4.1.1</t>
  </si>
  <si>
    <t xml:space="preserve">(a)         Value of the cover pool total assets: </t>
  </si>
  <si>
    <t>38</t>
  </si>
  <si>
    <t>G.4.1.2</t>
  </si>
  <si>
    <t xml:space="preserve">(a)         Value of outstanding covered bonds: </t>
  </si>
  <si>
    <t>39</t>
  </si>
  <si>
    <t>G.4.1.3</t>
  </si>
  <si>
    <t xml:space="preserve">(b)        List of ISIN of issued covered bonds: </t>
  </si>
  <si>
    <t>43 for Mortgage Assets</t>
  </si>
  <si>
    <t>48 for Public Sector Assets</t>
  </si>
  <si>
    <t>G.4.1.4</t>
  </si>
  <si>
    <t xml:space="preserve">(c)        Geographical distribution: </t>
  </si>
  <si>
    <t>52</t>
  </si>
  <si>
    <t>G.4.1.5</t>
  </si>
  <si>
    <t>(c)        Type of cover assets:</t>
  </si>
  <si>
    <t>186 for Residential Mortgage Assets</t>
  </si>
  <si>
    <t>412 for Commercial Mortgage Assets</t>
  </si>
  <si>
    <t>18 for Public Sector Assets</t>
  </si>
  <si>
    <t>G.4.1.6</t>
  </si>
  <si>
    <t xml:space="preserve">(c)        Loan size: </t>
  </si>
  <si>
    <t>149 for Mortgage Assets</t>
  </si>
  <si>
    <t>G.4.1.7</t>
  </si>
  <si>
    <t xml:space="preserve">(c)       Valuation Method: </t>
  </si>
  <si>
    <t>111</t>
  </si>
  <si>
    <t>G.4.1.8</t>
  </si>
  <si>
    <t xml:space="preserve">            (d)        Interest rate risk - cover pool:</t>
  </si>
  <si>
    <t>163</t>
  </si>
  <si>
    <t>G.4.1.9</t>
  </si>
  <si>
    <t>(d)        Currency risk - cover pool:</t>
  </si>
  <si>
    <t>137</t>
  </si>
  <si>
    <t>G.4.1.10</t>
  </si>
  <si>
    <t xml:space="preserve">          (d)         Interest rate risk - covered bond:</t>
  </si>
  <si>
    <t>17 for Harmonised Glossary</t>
  </si>
  <si>
    <t>G.4.1.11</t>
  </si>
  <si>
    <t>(d)        Currency risk - covered bond:</t>
  </si>
  <si>
    <t>65</t>
  </si>
  <si>
    <t>G.4.1.12</t>
  </si>
  <si>
    <t xml:space="preserve">            (d)        Liquidity Risk - primary assets cover pool:</t>
  </si>
  <si>
    <t>88</t>
  </si>
  <si>
    <t>liquidity buffer</t>
  </si>
  <si>
    <t>G.4.1.13</t>
  </si>
  <si>
    <t>(d)        Credit Risk:</t>
  </si>
  <si>
    <t>179 for Mortgage Assets</t>
  </si>
  <si>
    <t>166 for Public Sector Assets</t>
  </si>
  <si>
    <t>extendable maturity</t>
  </si>
  <si>
    <t>G.4.1.14</t>
  </si>
  <si>
    <t>(d)        Market Risk:</t>
  </si>
  <si>
    <t>230 Derivatives and Swaps</t>
  </si>
  <si>
    <t>liquidity buffer &amp; extendable maturity</t>
  </si>
  <si>
    <t>G.4.1.15</t>
  </si>
  <si>
    <t>(d)        Hedging Strategy</t>
  </si>
  <si>
    <t>other</t>
  </si>
  <si>
    <t>G.4.1.16</t>
  </si>
  <si>
    <t>(e)        Maturity Structure - cover assets:</t>
  </si>
  <si>
    <t>G.4.1.17</t>
  </si>
  <si>
    <t>(e)        Maturity Structure - covered bond:</t>
  </si>
  <si>
    <t>G.4.1.18</t>
  </si>
  <si>
    <t>(e)        Overview maturity extension triggers:</t>
  </si>
  <si>
    <t>link to Glossary HG 1.7</t>
  </si>
  <si>
    <t>G.4.1.19</t>
  </si>
  <si>
    <t>(f)        Levels of OC:</t>
  </si>
  <si>
    <t>G.4.1.20</t>
  </si>
  <si>
    <t>(g)        Percentage of loans in default:</t>
  </si>
  <si>
    <t>OG.4.1.1</t>
  </si>
  <si>
    <t>OG.4.1.2</t>
  </si>
  <si>
    <t>OG.4.1.3</t>
  </si>
  <si>
    <t>G.5.1.1</t>
  </si>
  <si>
    <t>Exposure to credit institute credit quality step 1</t>
  </si>
  <si>
    <t>173</t>
  </si>
  <si>
    <t>G.5.1.2</t>
  </si>
  <si>
    <t>Exposure to credit institute credit quality step 2</t>
  </si>
  <si>
    <t>G.5.1.3</t>
  </si>
  <si>
    <t>Exposure to credit institute credit quality step 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w Forest &amp; Agriculture</t>
  </si>
  <si>
    <t>OM.7.1.3</t>
  </si>
  <si>
    <t>OM.7.1.4</t>
  </si>
  <si>
    <t>OM.7.1.5</t>
  </si>
  <si>
    <t>OM.7.1.6</t>
  </si>
  <si>
    <t>OM.7.1.7</t>
  </si>
  <si>
    <t>OM.7.1.8</t>
  </si>
  <si>
    <t>OM.7.1.9</t>
  </si>
  <si>
    <t>OM.7.1.10</t>
  </si>
  <si>
    <t>OM.7.1.11</t>
  </si>
  <si>
    <t>2. General Informati1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OM.7.2.5</t>
  </si>
  <si>
    <t>OM.7.2.6</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Czechia</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Italy</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M.7.4.30</t>
  </si>
  <si>
    <t>Iceland</t>
  </si>
  <si>
    <t>M.7.4.31</t>
  </si>
  <si>
    <t>Liechtenstein</t>
  </si>
  <si>
    <t>M.7.4.32</t>
  </si>
  <si>
    <t>Norway</t>
  </si>
  <si>
    <t>M.7.4.33</t>
  </si>
  <si>
    <t>M.7.4.34</t>
  </si>
  <si>
    <t>M.7.4.35</t>
  </si>
  <si>
    <t>United Kingdom</t>
  </si>
  <si>
    <t>M.7.4.36</t>
  </si>
  <si>
    <t>M.7.4.37</t>
  </si>
  <si>
    <t>M.7.4.38</t>
  </si>
  <si>
    <t>M.7.4.39</t>
  </si>
  <si>
    <t>M.7.4.40</t>
  </si>
  <si>
    <t>M.7.4.41</t>
  </si>
  <si>
    <t>M.7.4.42</t>
  </si>
  <si>
    <t>M.7.4.43</t>
  </si>
  <si>
    <t>M.7.4.44</t>
  </si>
  <si>
    <t>OM.7.4.1</t>
  </si>
  <si>
    <t>OM.7.4.2</t>
  </si>
  <si>
    <t>OM.7.4.3</t>
  </si>
  <si>
    <t>OM.7.4.4</t>
  </si>
  <si>
    <t>OM.7.4.5</t>
  </si>
  <si>
    <t>OM.7.4.6</t>
  </si>
  <si>
    <t>OM.7.4.7</t>
  </si>
  <si>
    <t>OM.7.4.8</t>
  </si>
  <si>
    <t>OM.7.4.9</t>
  </si>
  <si>
    <t>OM.7.4.10</t>
  </si>
  <si>
    <t>5. Breakdown by regions of main country of origin</t>
  </si>
  <si>
    <t>M.7.5.1</t>
  </si>
  <si>
    <t>Greater Stockholm</t>
  </si>
  <si>
    <t>M.7.5.2</t>
  </si>
  <si>
    <t>Greater Gothenburg</t>
  </si>
  <si>
    <t>M.7.5.3</t>
  </si>
  <si>
    <t>Greater Malmoe</t>
  </si>
  <si>
    <t>M.7.5.4</t>
  </si>
  <si>
    <t>South Sweden</t>
  </si>
  <si>
    <t>M.7.5.5</t>
  </si>
  <si>
    <t>West Sweden</t>
  </si>
  <si>
    <t>M.7.5.6</t>
  </si>
  <si>
    <t>North Sweden</t>
  </si>
  <si>
    <t>M.7.5.7</t>
  </si>
  <si>
    <t>East Sweden</t>
  </si>
  <si>
    <t>M.7.5.8</t>
  </si>
  <si>
    <t>Outside Sweden</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M.7.5.32</t>
  </si>
  <si>
    <t>M.7.5.33</t>
  </si>
  <si>
    <t>M.7.5.34</t>
  </si>
  <si>
    <t>M.7.5.35</t>
  </si>
  <si>
    <t>M.7.5.36</t>
  </si>
  <si>
    <t>M.7.5.37</t>
  </si>
  <si>
    <t>M.7.5.38</t>
  </si>
  <si>
    <t>M.7.5.39</t>
  </si>
  <si>
    <t>M.7.5.40</t>
  </si>
  <si>
    <t>M.7.5.41</t>
  </si>
  <si>
    <t>M.7.5.42</t>
  </si>
  <si>
    <t>M.7.5.43</t>
  </si>
  <si>
    <t>M.7.5.44</t>
  </si>
  <si>
    <t>M.7.5.45</t>
  </si>
  <si>
    <t>M.7.5.46</t>
  </si>
  <si>
    <t>M.7.5.47</t>
  </si>
  <si>
    <t>M.7.5.48</t>
  </si>
  <si>
    <t>M.7.5.49</t>
  </si>
  <si>
    <t>M.7.5.50</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M.7.9.2</t>
  </si>
  <si>
    <t>Defaulted Loans pursuant Art 178 CRR</t>
  </si>
  <si>
    <t>[For completion]</t>
  </si>
  <si>
    <t>OM.7.9.1</t>
  </si>
  <si>
    <t>OM.7.9.2</t>
  </si>
  <si>
    <t>OM.7.9.3</t>
  </si>
  <si>
    <t>10. Loan Size Information</t>
  </si>
  <si>
    <t>Nominal</t>
  </si>
  <si>
    <t>Number of Loans</t>
  </si>
  <si>
    <t>% No. of Loans</t>
  </si>
  <si>
    <t>M.7A.10.1</t>
  </si>
  <si>
    <t>Average loan size (000s)</t>
  </si>
  <si>
    <t>By buckets (mn):</t>
  </si>
  <si>
    <t>M.7A.10.2</t>
  </si>
  <si>
    <t>&gt;0 - &lt;=0,25</t>
  </si>
  <si>
    <t>M.7A.10.3</t>
  </si>
  <si>
    <t>&gt;0,25 - &lt;=0,5</t>
  </si>
  <si>
    <t>M.7A.10.4</t>
  </si>
  <si>
    <t>&gt;0,5 - &lt;=0,75</t>
  </si>
  <si>
    <t>M.7A.10.5</t>
  </si>
  <si>
    <t>&gt;0,75 - &lt;=1</t>
  </si>
  <si>
    <t>M.7A.10.6</t>
  </si>
  <si>
    <t>&gt;1 - &lt;=2</t>
  </si>
  <si>
    <t>M.7A.10.7</t>
  </si>
  <si>
    <t>&gt;2 - &lt;=3</t>
  </si>
  <si>
    <t>M.7A.10.8</t>
  </si>
  <si>
    <t>&gt;3 - &lt;=4</t>
  </si>
  <si>
    <t>M.7A.10.9</t>
  </si>
  <si>
    <t>&gt;4 - &lt;=5</t>
  </si>
  <si>
    <t>M.7A.10.10</t>
  </si>
  <si>
    <t>&gt;5 - &lt;=10</t>
  </si>
  <si>
    <t>M.7A.10.11</t>
  </si>
  <si>
    <t>&gt;10 - &lt;=20</t>
  </si>
  <si>
    <t>M.7A.10.12</t>
  </si>
  <si>
    <t>&gt;20 - &lt;=50</t>
  </si>
  <si>
    <t>M.7A.10.13</t>
  </si>
  <si>
    <t>&gt;50 -</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ark as ND1 if not relevant]</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ND3</t>
  </si>
  <si>
    <t>M.7A.13.2</t>
  </si>
  <si>
    <t>Second home/Holiday houses</t>
  </si>
  <si>
    <t>M.7A.13.3</t>
  </si>
  <si>
    <t>Buy-to-let/Non-owner occupied</t>
  </si>
  <si>
    <t>M.7A.13.4</t>
  </si>
  <si>
    <t>Subsidised housing</t>
  </si>
  <si>
    <t>M.7A.13.5</t>
  </si>
  <si>
    <t>Agricultural</t>
  </si>
  <si>
    <t>M.7A.13.6</t>
  </si>
  <si>
    <t>OM.7A.13.1</t>
  </si>
  <si>
    <t>o/w Private rental</t>
  </si>
  <si>
    <t>OM.7A.13.2</t>
  </si>
  <si>
    <t xml:space="preserve">o/w Multi-family housing </t>
  </si>
  <si>
    <t>OM.7A.13.3</t>
  </si>
  <si>
    <t xml:space="preserve">o/w Buildings under construction </t>
  </si>
  <si>
    <t>OM.7A.13.4</t>
  </si>
  <si>
    <t>o/w Buildings land</t>
  </si>
  <si>
    <t>OM.7A.13.5</t>
  </si>
  <si>
    <t>OM.7A.13.6</t>
  </si>
  <si>
    <t>OM.7A.13.7</t>
  </si>
  <si>
    <t>OM.7A.13.8</t>
  </si>
  <si>
    <t>OM.7A.13.9</t>
  </si>
  <si>
    <t>OM.7A.13.10</t>
  </si>
  <si>
    <t>14. Loan by Ranking</t>
  </si>
  <si>
    <t>M.7A.14.1</t>
  </si>
  <si>
    <t>1st lien / No prior ranks</t>
  </si>
  <si>
    <t>M.7A.14.2</t>
  </si>
  <si>
    <t>Guaranteed</t>
  </si>
  <si>
    <t>M.7A.14.3</t>
  </si>
  <si>
    <t>OM.7A.14.1</t>
  </si>
  <si>
    <t>OM.7A.14.2</t>
  </si>
  <si>
    <t>OM.7A.14.3</t>
  </si>
  <si>
    <t>OM.7A.14.4</t>
  </si>
  <si>
    <t>OM.7A.14.5</t>
  </si>
  <si>
    <t>OM.7A.14.6</t>
  </si>
  <si>
    <t>15. EPC  Information of the financed RRE - optional</t>
  </si>
  <si>
    <t>Number of dwellings</t>
  </si>
  <si>
    <t>% No. of Dwellings</t>
  </si>
  <si>
    <t>M.7A.15.1</t>
  </si>
  <si>
    <t>TBC at a country level</t>
  </si>
  <si>
    <t>M.7A.15.2</t>
  </si>
  <si>
    <t>M.7A.15.3</t>
  </si>
  <si>
    <t>M.7A.15.4</t>
  </si>
  <si>
    <t>M.7A.15.5</t>
  </si>
  <si>
    <t>M.7A.15.6</t>
  </si>
  <si>
    <t>M.7A.15.7</t>
  </si>
  <si>
    <t>M.7A.15.8</t>
  </si>
  <si>
    <t>M.7A.15.9</t>
  </si>
  <si>
    <t>M.7A.15.10</t>
  </si>
  <si>
    <t>M.7A.15.11</t>
  </si>
  <si>
    <t>M.7A.15.12</t>
  </si>
  <si>
    <t>M.7A.15.13</t>
  </si>
  <si>
    <t>M.7A.15.14</t>
  </si>
  <si>
    <t>M.7A.15.15</t>
  </si>
  <si>
    <t>M.7A.15.16</t>
  </si>
  <si>
    <t>M.7A.15.17</t>
  </si>
  <si>
    <t>M.7A.15.18</t>
  </si>
  <si>
    <t>no data</t>
  </si>
  <si>
    <t>M.7A.15.19</t>
  </si>
  <si>
    <t>OM.7A.15.1</t>
  </si>
  <si>
    <t>OM.7A.15.2</t>
  </si>
  <si>
    <t>OM.7A.15.3</t>
  </si>
  <si>
    <t>16. Average energy use intensity (kWh/m2 per year) - optional</t>
  </si>
  <si>
    <t>M.7A.16.1</t>
  </si>
  <si>
    <t>M.7A.16.2</t>
  </si>
  <si>
    <t>M.7A.16.3</t>
  </si>
  <si>
    <t>M.7A.16.4</t>
  </si>
  <si>
    <t>M.7A.16.5</t>
  </si>
  <si>
    <t>M.7A.16.6</t>
  </si>
  <si>
    <t>M.7A.16.7</t>
  </si>
  <si>
    <t>M.7A.16.8</t>
  </si>
  <si>
    <t>M.7A.16.9</t>
  </si>
  <si>
    <t>M.7A.16.10</t>
  </si>
  <si>
    <t>M.7A.16.11</t>
  </si>
  <si>
    <t>M.7A.16.12</t>
  </si>
  <si>
    <t>M.7A.16.13</t>
  </si>
  <si>
    <t>M.7A.16.14</t>
  </si>
  <si>
    <t>M.7A.16.15</t>
  </si>
  <si>
    <t>M.7A.16.16</t>
  </si>
  <si>
    <t>M.7A.16.17</t>
  </si>
  <si>
    <t>M.7A.16.18</t>
  </si>
  <si>
    <t>M.7A.16.19</t>
  </si>
  <si>
    <t>OM.7A.16.1</t>
  </si>
  <si>
    <t>OM.7A.16.2</t>
  </si>
  <si>
    <t>OM.7A.16.3</t>
  </si>
  <si>
    <t>17. Property Age Structure - optional</t>
  </si>
  <si>
    <t>M.7A.17.1</t>
  </si>
  <si>
    <t>older than 1919</t>
  </si>
  <si>
    <t>M.7A.17.2</t>
  </si>
  <si>
    <t>1919 - 1945</t>
  </si>
  <si>
    <t>M.7A.17.3</t>
  </si>
  <si>
    <t>1946 - 1960</t>
  </si>
  <si>
    <t>M.7A.17.4</t>
  </si>
  <si>
    <t>1961 - 1970</t>
  </si>
  <si>
    <t>M.7A.17.5</t>
  </si>
  <si>
    <t>1971 - 1980</t>
  </si>
  <si>
    <t>M.7A.17.6</t>
  </si>
  <si>
    <t>1981 - 1990</t>
  </si>
  <si>
    <t>M.7A.17.7</t>
  </si>
  <si>
    <t>1991 - 2000</t>
  </si>
  <si>
    <t>M.7A.17.8</t>
  </si>
  <si>
    <t>2001 - 2005</t>
  </si>
  <si>
    <t>M.7A.17.9</t>
  </si>
  <si>
    <t>2006 - 2010</t>
  </si>
  <si>
    <t>M.7A.17.10</t>
  </si>
  <si>
    <t>2011 - 2015</t>
  </si>
  <si>
    <t>M.7A.17.11</t>
  </si>
  <si>
    <t>2016 - 2020</t>
  </si>
  <si>
    <t>M.7A.17.12</t>
  </si>
  <si>
    <t>2021 and onwards</t>
  </si>
  <si>
    <t>M.7A.17.13</t>
  </si>
  <si>
    <t>M.7A.17.14</t>
  </si>
  <si>
    <t>OM.7A.17.1</t>
  </si>
  <si>
    <t>OM.7A.17.2</t>
  </si>
  <si>
    <t>OM.7A.17.3</t>
  </si>
  <si>
    <t>OM.7A.17.4</t>
  </si>
  <si>
    <t>OM.7A.17.5</t>
  </si>
  <si>
    <t>OM.7A.17.6</t>
  </si>
  <si>
    <t>OM.7A.17.7</t>
  </si>
  <si>
    <t>OM.7A.17.8</t>
  </si>
  <si>
    <t>OM.7A.17.9</t>
  </si>
  <si>
    <t>OM.7A.17.10</t>
  </si>
  <si>
    <t>18. Dwelling type - optional</t>
  </si>
  <si>
    <t>M.7A.18.1</t>
  </si>
  <si>
    <t>House, detached or semi-detached</t>
  </si>
  <si>
    <t>M.7A.18.2</t>
  </si>
  <si>
    <t>Flat or Apartment</t>
  </si>
  <si>
    <t>M.7A.18.3</t>
  </si>
  <si>
    <t>Bungalow</t>
  </si>
  <si>
    <t>M.7A.18.4</t>
  </si>
  <si>
    <t>Terraced House</t>
  </si>
  <si>
    <t>M.7A.18.5</t>
  </si>
  <si>
    <t>Multifamily House</t>
  </si>
  <si>
    <t>M.7A.18.6</t>
  </si>
  <si>
    <t>Land Only</t>
  </si>
  <si>
    <t>M.7A.18.7</t>
  </si>
  <si>
    <t>M.7A.18.8</t>
  </si>
  <si>
    <t>OM.7A.18.1</t>
  </si>
  <si>
    <t>19. New Residential Property - optional</t>
  </si>
  <si>
    <t>M.7A.19.1</t>
  </si>
  <si>
    <t>New Property</t>
  </si>
  <si>
    <t>M.7A.19.2</t>
  </si>
  <si>
    <t>Existing property</t>
  </si>
  <si>
    <t>M.7A.19.3</t>
  </si>
  <si>
    <t>M.7A.19.4</t>
  </si>
  <si>
    <t>M.7A.19.5</t>
  </si>
  <si>
    <t>M.7A.19.6</t>
  </si>
  <si>
    <t>20. CO2 emission - by dwelling type - as per national availability</t>
  </si>
  <si>
    <t>Ton CO2 (per year)</t>
  </si>
  <si>
    <t>Ton CO2 (per year) (LTV adjusted)</t>
  </si>
  <si>
    <t>kg CO2/m2 (per year)</t>
  </si>
  <si>
    <t>M.7A.20.1</t>
  </si>
  <si>
    <t>M.7A.20.2</t>
  </si>
  <si>
    <t>M.7A.20.3</t>
  </si>
  <si>
    <t>M.7A.20.4</t>
  </si>
  <si>
    <t>M.7A.20.5</t>
  </si>
  <si>
    <t>M.7A.20.6</t>
  </si>
  <si>
    <t>M.7A.20.7</t>
  </si>
  <si>
    <t>M.7A.20.8</t>
  </si>
  <si>
    <t>M.7A.20.9</t>
  </si>
  <si>
    <t>M.7A.20.10</t>
  </si>
  <si>
    <t>Weighted Average</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7B Commercial Cover Pool</t>
  </si>
  <si>
    <t>21. Loan Size Information</t>
  </si>
  <si>
    <t>M.7B.21.1</t>
  </si>
  <si>
    <t>M.7B.21.2</t>
  </si>
  <si>
    <t>&gt;0 - &lt;=1</t>
  </si>
  <si>
    <t>M.7B.21.3</t>
  </si>
  <si>
    <t>&gt;1 - &lt;=2,5</t>
  </si>
  <si>
    <t>M.7B.21.4</t>
  </si>
  <si>
    <t>&gt;2,5 - &lt;=5</t>
  </si>
  <si>
    <t>M.7B.21.5</t>
  </si>
  <si>
    <t>M.7B.21.6</t>
  </si>
  <si>
    <t>&gt;10 - &lt;=25</t>
  </si>
  <si>
    <t>M.7B.21.7</t>
  </si>
  <si>
    <t>&gt;25 - &lt;=50</t>
  </si>
  <si>
    <t>M.7B.21.8</t>
  </si>
  <si>
    <t>&gt;50 - &lt;=100</t>
  </si>
  <si>
    <t>M.7B.21.9</t>
  </si>
  <si>
    <t>&gt;100 - &lt;=250</t>
  </si>
  <si>
    <t>M.7B.21.10</t>
  </si>
  <si>
    <t>&gt;250 -</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23. Loan to Value (LTV) Information - INDEXED</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24. Breakdown by Type</t>
  </si>
  <si>
    <t>% Commercial loans</t>
  </si>
  <si>
    <t>M.7B.24.1</t>
  </si>
  <si>
    <t>Retail</t>
  </si>
  <si>
    <t>M.7B.24.2</t>
  </si>
  <si>
    <t>Office</t>
  </si>
  <si>
    <t>M.7B.24.3</t>
  </si>
  <si>
    <t>Hotel/Tourism</t>
  </si>
  <si>
    <t>M.7B.24.4</t>
  </si>
  <si>
    <t>Shopping malls</t>
  </si>
  <si>
    <t>M.7B.24.5</t>
  </si>
  <si>
    <t>Industry</t>
  </si>
  <si>
    <t>M.7B.24.6</t>
  </si>
  <si>
    <t>Agriculture</t>
  </si>
  <si>
    <t>M.7B.24.7</t>
  </si>
  <si>
    <t>Other commercially used</t>
  </si>
  <si>
    <t>M.7B.24.8</t>
  </si>
  <si>
    <t xml:space="preserve">Hospital </t>
  </si>
  <si>
    <t>M.7B.24.9</t>
  </si>
  <si>
    <t xml:space="preserve">School </t>
  </si>
  <si>
    <t>M.7B.24.10</t>
  </si>
  <si>
    <t>other RE with a social relevant purpose</t>
  </si>
  <si>
    <t>M.7B.24.11</t>
  </si>
  <si>
    <t>Land</t>
  </si>
  <si>
    <t>M.7B.24.12</t>
  </si>
  <si>
    <t>Property developers / Bulding under construction</t>
  </si>
  <si>
    <t>M.7B.24.13</t>
  </si>
  <si>
    <t>OM.7B.24.1</t>
  </si>
  <si>
    <t>o/w Cultural purposes</t>
  </si>
  <si>
    <t>OM.7B.24.2</t>
  </si>
  <si>
    <t>OM.7B.24.3</t>
  </si>
  <si>
    <t>OM.7B.24.4</t>
  </si>
  <si>
    <t>OM.7B.24.5</t>
  </si>
  <si>
    <t>OM.7B.24.6</t>
  </si>
  <si>
    <t>OM.7B.24.7</t>
  </si>
  <si>
    <t>OM.7B.24.8</t>
  </si>
  <si>
    <t>OM.7B.24.9</t>
  </si>
  <si>
    <t>OM.7B.24.10</t>
  </si>
  <si>
    <t>OM.7B.24.11</t>
  </si>
  <si>
    <t>OM.7B.24.12</t>
  </si>
  <si>
    <t>OM.7B.24.13</t>
  </si>
  <si>
    <t>OM.7B.24.14</t>
  </si>
  <si>
    <t>25. EPC  Information of the financed CRE - optional</t>
  </si>
  <si>
    <t>Number of CRE</t>
  </si>
  <si>
    <t>% No. of CRE</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26. Average energy use intensity (kWh/m2 per year) - optional</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27. CRE Age Structure - optional</t>
  </si>
  <si>
    <t>M.7B.27.1</t>
  </si>
  <si>
    <t>M.7B.27.2</t>
  </si>
  <si>
    <t>M.7B.27.3</t>
  </si>
  <si>
    <t>M.7B.27.4</t>
  </si>
  <si>
    <t>M.7B.27.5</t>
  </si>
  <si>
    <t>M.7B.27.6</t>
  </si>
  <si>
    <t>M.7B.27.7</t>
  </si>
  <si>
    <t>M.7B.27.8</t>
  </si>
  <si>
    <t>M.7B.27.9</t>
  </si>
  <si>
    <t>M.7B.27.10</t>
  </si>
  <si>
    <t>M.7B.27.11</t>
  </si>
  <si>
    <t>M.7B.27.12</t>
  </si>
  <si>
    <t>M.7B.27.13</t>
  </si>
  <si>
    <t>M.7B.27.14</t>
  </si>
  <si>
    <t>OM.7B.27.1</t>
  </si>
  <si>
    <t>OM.7B.27.2</t>
  </si>
  <si>
    <t>OM.7B.27.3</t>
  </si>
  <si>
    <t>OM.7B.27.4</t>
  </si>
  <si>
    <t>OM.7B.27.5</t>
  </si>
  <si>
    <t>OM.7B.27.6</t>
  </si>
  <si>
    <t>OM.7B.27.7</t>
  </si>
  <si>
    <t>OM.7B.27.8</t>
  </si>
  <si>
    <t>OM.7B.27.9</t>
  </si>
  <si>
    <t>OM.7B.27.10</t>
  </si>
  <si>
    <t>28. New Commercial Property - optional</t>
  </si>
  <si>
    <t>M.7B.28.1</t>
  </si>
  <si>
    <t>M.7B.28.2</t>
  </si>
  <si>
    <t>Existing Property</t>
  </si>
  <si>
    <t>M.7B.28.3</t>
  </si>
  <si>
    <t>M.7B.28.4</t>
  </si>
  <si>
    <t>M.7B.28.5</t>
  </si>
  <si>
    <t>29. CO2 emission related to CRE - as per national availability</t>
  </si>
  <si>
    <t>Ton CO2 (LTV adjusted) (per year)</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S.9.6.3</t>
  </si>
  <si>
    <t>S.9.6.4</t>
  </si>
  <si>
    <t>S.9.6.5</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C. Harmonised Transparency Template - Glossary</t>
  </si>
  <si>
    <t>The definitions below reflect the national specificities</t>
  </si>
  <si>
    <t>1. Glossary - Standard Harmonised Items</t>
  </si>
  <si>
    <t>Definition</t>
  </si>
  <si>
    <t>HG.1.1</t>
  </si>
  <si>
    <t>OC Calculation: Statutory</t>
  </si>
  <si>
    <t xml:space="preserve">Statutory Overcollateralisation is the overcollateralisation percentage required to be provided by each Issuer and included/disclosed in the national covered bond framework. </t>
  </si>
  <si>
    <t>HG.1.2</t>
  </si>
  <si>
    <t>OC Calculation: Contractual</t>
  </si>
  <si>
    <t>HG.1.3</t>
  </si>
  <si>
    <t>OC Calculation: Voluntary</t>
  </si>
  <si>
    <t>Voluntary Overcollateralisation is the difference (if positive) between the actual overcollateralisation provided by an Issuer and the higher of the contractual and statutory overcollateralisation.</t>
  </si>
  <si>
    <t>HG.1.4</t>
  </si>
  <si>
    <t>Interest Rate Types</t>
  </si>
  <si>
    <t>Floating refers to loans for which the interest rate is contractually fixed for a period of three months or shorter. Other loans are considered as fixed.</t>
  </si>
  <si>
    <t>HG.1.5</t>
  </si>
  <si>
    <t>Residual Life Buckets of Cover assets [i.e. how is the contractual and/or expected residual life defined? What assumptions eg, in terms of prepayments? etc.]</t>
  </si>
  <si>
    <t>Contractual maturity: Contractual repayments are distributed by buckets according to plan. For loans with amortization leave contractual repayments are distributed by buckets according to plan after the termperiod. If there is no amortization plan or no specified maturity date a 30 year maturity is applied.</t>
  </si>
  <si>
    <t>HG.1.6</t>
  </si>
  <si>
    <t xml:space="preserve">Maturity Buckets of Covered Bonds [i.e. how is the contractual and/or expected maturity defined? What maturity structure (hard bullet, soft bullet, conditional pass through)? Under what conditions/circumstances? Etc.] </t>
  </si>
  <si>
    <t>Hard bullet is reported on initial maturity, soft bullet on extended maturity. Outstanding covered bonds are a mix between hard and soft bullets.</t>
  </si>
  <si>
    <t>HG.1.7</t>
  </si>
  <si>
    <t>Maturity Extention Triggers</t>
  </si>
  <si>
    <t>https://sebgroup.com/investor-relations/debt-investors/debt-programes</t>
  </si>
  <si>
    <t>HG.1.8</t>
  </si>
  <si>
    <t>LTVs: Definition</t>
  </si>
  <si>
    <t>Loans are distributed to LTV-buckets as described on the website of ASCB (Association of Swedish Covered Bond Issuers) : http://www.ascb.se/sites/default/files/LoanToValueForSwedishCoverPools_20100305_mark-1.doc</t>
  </si>
  <si>
    <t>HG.1.9</t>
  </si>
  <si>
    <t>LTVs: Calculation of property/shipping value</t>
  </si>
  <si>
    <t>LTV  is calculated using market values. For residential collateral, a loan may be included up to 80% of the market value, for agricultural collateral up to 70% and for office and commercial collateral up to 60% ( max 10% of cover pool)</t>
  </si>
  <si>
    <t>HG.1.10</t>
  </si>
  <si>
    <t>LTVs: Applied property/shipping valuation techniques, including whether use of index, Automated Valuation Model (AVM) or on-site audits</t>
  </si>
  <si>
    <t>Indexed</t>
  </si>
  <si>
    <t>HG.1.11</t>
  </si>
  <si>
    <t>LTVs: Frequency and time of last valuation</t>
  </si>
  <si>
    <t>According to the Swedish FSA guideline 2023:1 the issuer must yearly take a decision on updating the market values or not. Last decision  and update was made in December 2022</t>
  </si>
  <si>
    <t>HG.1.12</t>
  </si>
  <si>
    <t>Explain how mortgage types are defined whether for residential housing, multi-family housing, commercial real estate, etc. Same for shipping where relecvant</t>
  </si>
  <si>
    <t>The cover pool may consist of certain mortgage credits, public credits and supplemental assets. Mortgage credits are defined as loans secured by (i) mortgages over real property intended for residential, agricultural, office or commercial purposes or site leasehold rights intended for residential, office or commercial purposes, (ii) pledges over tenant-owner rights, or (iii) comparable security interests over equivalent assets situated in other countries within the European Economic Area. Public credits are defined as certain loans to (or guaranteed by) inter alia the Swedish State, Swedish municipalities and comparable public bodies, the European Union, the European Atomic Energy Community, certain foreign states and central banks and certain foreign municipalities and comparable public bodies with powers of taxation.  Supplemental assets consist primarily of government bonds and cash, although the Swedish Financial Supervisory Authority (SFSA) may also authorise the use of certain debt instruments issued by credit institutions and other bodies as supplemental assets.</t>
  </si>
  <si>
    <t>HG.1.13</t>
  </si>
  <si>
    <t>Hedging Strategy (please explain how you address interest rate and currency risk)</t>
  </si>
  <si>
    <t>According to the Swedish Covered bond Act(SFS 2003:1223)(the “Act”) and FSA Regulations and Guidelines on Covered Bonds(FFFS 2013:1) (the “Regulations”) a Swedish Covered Bond Issuer is allowed to have interest rate and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t>
  </si>
  <si>
    <t>HG.1.14</t>
  </si>
  <si>
    <t>Non-performing loans</t>
  </si>
  <si>
    <t>A loan where interest, repayments or overdrafts have been due for payment for more than 60 days</t>
  </si>
  <si>
    <t>HG.1.15</t>
  </si>
  <si>
    <t>Valuation Method</t>
  </si>
  <si>
    <t>Market value according to CRR 575/2013 Art 4 (76)</t>
  </si>
  <si>
    <t>OHG.1.1</t>
  </si>
  <si>
    <t>NPV assumptions (when stated)</t>
  </si>
  <si>
    <t>OHG.1.2</t>
  </si>
  <si>
    <t>OHG.1.3</t>
  </si>
  <si>
    <t>OHG.1.4</t>
  </si>
  <si>
    <t>OHG.1.5</t>
  </si>
  <si>
    <t>OHG.1.6</t>
  </si>
  <si>
    <t>OHG.1.7</t>
  </si>
  <si>
    <t>2. Glossary - ESG items (optional)</t>
  </si>
  <si>
    <t>HG.2.1</t>
  </si>
  <si>
    <t xml:space="preserve">Sustainability - strategy pursued in the cover pool </t>
  </si>
  <si>
    <t>HG.2.2</t>
  </si>
  <si>
    <t>Subsidised Housing  (definitions of affordable, social housing)</t>
  </si>
  <si>
    <t>HG.2.3</t>
  </si>
  <si>
    <t xml:space="preserve">New Property and Existing Property </t>
  </si>
  <si>
    <t>OHG.2.1</t>
  </si>
  <si>
    <t>OHG.2.2</t>
  </si>
  <si>
    <t>OHG.2.3</t>
  </si>
  <si>
    <t>OHG.2.4</t>
  </si>
  <si>
    <t>OHG.2.5</t>
  </si>
  <si>
    <t>OHG.2.6</t>
  </si>
  <si>
    <t>OHG.2.7</t>
  </si>
  <si>
    <t>OHG.2.8</t>
  </si>
  <si>
    <t>OHG.2.9</t>
  </si>
  <si>
    <t>OHG.2.10</t>
  </si>
  <si>
    <t>OHG.2.11</t>
  </si>
  <si>
    <t>OHG.2.12</t>
  </si>
  <si>
    <t>3. Reason for No Data</t>
  </si>
  <si>
    <t>Value</t>
  </si>
  <si>
    <t>HG.3.1</t>
  </si>
  <si>
    <t xml:space="preserve">Not applicable for the jurisdiction </t>
  </si>
  <si>
    <t>HG.3.2</t>
  </si>
  <si>
    <t>Not relevant for the issuer and/or CB programme at the present time</t>
  </si>
  <si>
    <t>HG.3.3</t>
  </si>
  <si>
    <t>Not available at the present time</t>
  </si>
  <si>
    <t>OHG.3.1</t>
  </si>
  <si>
    <t>OHG.3.2</t>
  </si>
  <si>
    <t>OHG.3.3</t>
  </si>
  <si>
    <t>4. Glossary - Extra national and/or Issuer Items</t>
  </si>
  <si>
    <t>HG.4.1</t>
  </si>
  <si>
    <t>Other definitions deemed relevant</t>
  </si>
  <si>
    <t>OHG.4.1</t>
  </si>
  <si>
    <t>OHG.4.2</t>
  </si>
  <si>
    <t>OHG.4.3</t>
  </si>
  <si>
    <t>OHG.4.4</t>
  </si>
  <si>
    <t>OHG.4.5</t>
  </si>
  <si>
    <t>This addendum is optional</t>
  </si>
  <si>
    <t>E. Harmonised Transparency Template - Optional ECB - ECAIs Data Disclosure</t>
  </si>
  <si>
    <t>[Please insert currency]</t>
  </si>
  <si>
    <t xml:space="preserve"> Reason for No Data in Worksheet E. </t>
  </si>
  <si>
    <t>CONTENT OF TAB E</t>
  </si>
  <si>
    <t>1.  Additional information on the programme</t>
  </si>
  <si>
    <t>2.  Additional information on the swaps</t>
  </si>
  <si>
    <t>Confidential</t>
  </si>
  <si>
    <t>ND4</t>
  </si>
  <si>
    <t>3.  Additional information on the asset distribution</t>
  </si>
  <si>
    <t>* Legal Entity Identifier (LEI) finder: http://www.lei-lookup.com/#!search</t>
  </si>
  <si>
    <t>** Weighted Average Maturity = Remaining Term to Maturity</t>
  </si>
  <si>
    <t>Transaction Counterparties</t>
  </si>
  <si>
    <t>Name</t>
  </si>
  <si>
    <t>Legal Entity Identifier (LEI)*</t>
  </si>
  <si>
    <t>E.1.1.1</t>
  </si>
  <si>
    <t>Sponsor (if applicable)</t>
  </si>
  <si>
    <t>Example Bank</t>
  </si>
  <si>
    <t>E.1.1.2</t>
  </si>
  <si>
    <t>E.1.1.3</t>
  </si>
  <si>
    <t>Back-up servicer</t>
  </si>
  <si>
    <t>E.1.1.4</t>
  </si>
  <si>
    <t>BUS facilitator</t>
  </si>
  <si>
    <t>E.1.1.5</t>
  </si>
  <si>
    <t xml:space="preserve">Cash manager </t>
  </si>
  <si>
    <t>E.1.1.6</t>
  </si>
  <si>
    <t>Back-up cash manager</t>
  </si>
  <si>
    <t>E.1.1.7</t>
  </si>
  <si>
    <t>Account bank</t>
  </si>
  <si>
    <t>E.1.1.8</t>
  </si>
  <si>
    <t>Standby account bank</t>
  </si>
  <si>
    <t>E.1.1.9</t>
  </si>
  <si>
    <t>Account bank guarantor</t>
  </si>
  <si>
    <t>E.1.1.10</t>
  </si>
  <si>
    <t>Trustee</t>
  </si>
  <si>
    <t>E.1.1.11</t>
  </si>
  <si>
    <t>Cover Pool Monitor</t>
  </si>
  <si>
    <t>OE.1.1.1</t>
  </si>
  <si>
    <t>where applicable - paying agent</t>
  </si>
  <si>
    <t>OE.1.1.2</t>
  </si>
  <si>
    <t>OE.1.1.3</t>
  </si>
  <si>
    <t>OE.1.1.4</t>
  </si>
  <si>
    <t>OE.1.1.5</t>
  </si>
  <si>
    <t>OE.1.1.6</t>
  </si>
  <si>
    <t>OE.1.1.7</t>
  </si>
  <si>
    <t>OE.1.1.8</t>
  </si>
  <si>
    <t>Swap Counterparties</t>
  </si>
  <si>
    <t>Guarantor (if applicable)</t>
  </si>
  <si>
    <t>Type of Swap</t>
  </si>
  <si>
    <t>E.2.1.1</t>
  </si>
  <si>
    <t>Example Guarantor</t>
  </si>
  <si>
    <t>Example Bank(LEI)</t>
  </si>
  <si>
    <t>FX</t>
  </si>
  <si>
    <t>E.2.1.2</t>
  </si>
  <si>
    <t>Counterparty 2</t>
  </si>
  <si>
    <t>E.2.1.3</t>
  </si>
  <si>
    <t>Counterparty 3</t>
  </si>
  <si>
    <t>E.2.1.4</t>
  </si>
  <si>
    <t>Counterparty 4</t>
  </si>
  <si>
    <t>E.2.1.5</t>
  </si>
  <si>
    <t>Counterparty 5</t>
  </si>
  <si>
    <t>E.2.1.6</t>
  </si>
  <si>
    <t>Counterparty 6</t>
  </si>
  <si>
    <t>E.2.1.7</t>
  </si>
  <si>
    <t>Counterparty 7</t>
  </si>
  <si>
    <t>E.2.1.8</t>
  </si>
  <si>
    <t>Counterparty 8</t>
  </si>
  <si>
    <t>E.2.1.9</t>
  </si>
  <si>
    <t>Counterparty 9</t>
  </si>
  <si>
    <t>E.2.1.10</t>
  </si>
  <si>
    <t>Counterparty 10</t>
  </si>
  <si>
    <t>E.2.1.11</t>
  </si>
  <si>
    <t>Counterparty 11</t>
  </si>
  <si>
    <t>E.2.1.12</t>
  </si>
  <si>
    <t>Counterparty 12</t>
  </si>
  <si>
    <t>E.2.1.13</t>
  </si>
  <si>
    <t>Counterparty 13</t>
  </si>
  <si>
    <t>E.2.1.14</t>
  </si>
  <si>
    <t>Counterparty 14</t>
  </si>
  <si>
    <t>E.2.1.15</t>
  </si>
  <si>
    <t>Counterparty 15</t>
  </si>
  <si>
    <t>E.2.1.16</t>
  </si>
  <si>
    <t>Counterparty 16</t>
  </si>
  <si>
    <t>E.2.1.17</t>
  </si>
  <si>
    <t>Counterparty 17</t>
  </si>
  <si>
    <t>E.2.1.18</t>
  </si>
  <si>
    <t>Counterparty 18</t>
  </si>
  <si>
    <t>E.2.1.19</t>
  </si>
  <si>
    <t>Counterparty 19</t>
  </si>
  <si>
    <t>E.2.1.20</t>
  </si>
  <si>
    <t>Counterparty 20</t>
  </si>
  <si>
    <t>E.2.1.21</t>
  </si>
  <si>
    <t>Counterparty 21</t>
  </si>
  <si>
    <t>E.2.1.22</t>
  </si>
  <si>
    <t>Counterparty 22</t>
  </si>
  <si>
    <t>E.2.1.23</t>
  </si>
  <si>
    <t>Counterparty 23</t>
  </si>
  <si>
    <t>E.2.1.24</t>
  </si>
  <si>
    <t>Counterparty 24</t>
  </si>
  <si>
    <t>E.2.1.25</t>
  </si>
  <si>
    <t>Counterparty 25</t>
  </si>
  <si>
    <t>OE.2.1.1</t>
  </si>
  <si>
    <t>OE.2.1.2</t>
  </si>
  <si>
    <t>OE.2.1.3</t>
  </si>
  <si>
    <t>OE.2.1.4</t>
  </si>
  <si>
    <t>OE.2.1.5</t>
  </si>
  <si>
    <t>OE.2.1.6</t>
  </si>
  <si>
    <t>OE.2.1.7</t>
  </si>
  <si>
    <t>OE.2.1.8</t>
  </si>
  <si>
    <t>OE.2.1.9</t>
  </si>
  <si>
    <t>OE.2.1.10</t>
  </si>
  <si>
    <t>OE.2.1.11</t>
  </si>
  <si>
    <t>OE.2.1.12</t>
  </si>
  <si>
    <t>OE.2.1.13</t>
  </si>
  <si>
    <t>Total Assets</t>
  </si>
  <si>
    <t>E.3.1.1</t>
  </si>
  <si>
    <t>Weighted Average Seasoning (months)</t>
  </si>
  <si>
    <t>E.3.1.2</t>
  </si>
  <si>
    <t>Weighted Average Maturity (months)**</t>
  </si>
  <si>
    <t>OE.3.1.1</t>
  </si>
  <si>
    <t>OE.3.1.2</t>
  </si>
  <si>
    <t>OE.3.1.3</t>
  </si>
  <si>
    <t>OE.3.1.4</t>
  </si>
  <si>
    <t>2. Arrears</t>
  </si>
  <si>
    <t>% Total Loans</t>
  </si>
  <si>
    <t>E.3.2.1</t>
  </si>
  <si>
    <t>1-&lt;30 days</t>
  </si>
  <si>
    <t>E.3.2.2</t>
  </si>
  <si>
    <t>30-&lt;60 days</t>
  </si>
  <si>
    <t>E.3.2.3</t>
  </si>
  <si>
    <t>60-&lt;90 days</t>
  </si>
  <si>
    <t>E.3.2.4</t>
  </si>
  <si>
    <t>90-&lt;180 days</t>
  </si>
  <si>
    <t>E.3.2.5</t>
  </si>
  <si>
    <t>&gt;= 180 days</t>
  </si>
  <si>
    <t>OE.3.2.1</t>
  </si>
  <si>
    <t>OE.3.2.2</t>
  </si>
  <si>
    <t>OE.3.2.3</t>
  </si>
  <si>
    <t>OE.3.2.4</t>
  </si>
  <si>
    <t>F1. Harmonised Transparency Template - Sustainable Mortgage Data</t>
  </si>
  <si>
    <t>CONTENT OF TAB F1</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SM.1.1.2</t>
  </si>
  <si>
    <t>Social impact mortgage loans</t>
  </si>
  <si>
    <t>SM.1.1.3</t>
  </si>
  <si>
    <t xml:space="preserve">other </t>
  </si>
  <si>
    <t>SM.1.1.4</t>
  </si>
  <si>
    <t>Total sustainable mortgage loans</t>
  </si>
  <si>
    <t>OSM.1.1.1</t>
  </si>
  <si>
    <t>OSM.1.1.2</t>
  </si>
  <si>
    <t>OSM.1.1.3</t>
  </si>
  <si>
    <t>OSM.1.1.4</t>
  </si>
  <si>
    <t>OSM.1.1.5</t>
  </si>
  <si>
    <t>1. Sustainable Property Type Information</t>
  </si>
  <si>
    <t>% Total sustainable Mortgages</t>
  </si>
  <si>
    <t>SM.2.1.1</t>
  </si>
  <si>
    <t>SM.2.1.2</t>
  </si>
  <si>
    <t>SM.2.1.3</t>
  </si>
  <si>
    <t>SM.2.1.4</t>
  </si>
  <si>
    <t>OSM.2.1.1</t>
  </si>
  <si>
    <t>OSM.2.1.2</t>
  </si>
  <si>
    <t>o/w EE residential</t>
  </si>
  <si>
    <t>OSM.2.1.3</t>
  </si>
  <si>
    <t>o/w EE commercial</t>
  </si>
  <si>
    <t>OSM.2.1.4</t>
  </si>
  <si>
    <t>o/w EE other</t>
  </si>
  <si>
    <t>OSM.2.1.5</t>
  </si>
  <si>
    <t>EE total</t>
  </si>
  <si>
    <t>OSM.2.1.6</t>
  </si>
  <si>
    <t xml:space="preserve">o/w Social residential </t>
  </si>
  <si>
    <t>OSM.2.1.7</t>
  </si>
  <si>
    <t xml:space="preserve">o/wSocial Commercial </t>
  </si>
  <si>
    <t>OSM.2.1.8</t>
  </si>
  <si>
    <t>o/w social other</t>
  </si>
  <si>
    <t>OSM.2.1.9</t>
  </si>
  <si>
    <t>social tot</t>
  </si>
  <si>
    <t>OSM.2.1.10</t>
  </si>
  <si>
    <t>o/w Renewable Energy and Renewable Energy Transmission</t>
  </si>
  <si>
    <t>OSM.2.1.11</t>
  </si>
  <si>
    <t>OSM.2.1.12</t>
  </si>
  <si>
    <t>OSM.2.1.13</t>
  </si>
  <si>
    <t>OSM.2.1.14</t>
  </si>
  <si>
    <t>OSM.2.1.15</t>
  </si>
  <si>
    <t>OSM.2.1.16</t>
  </si>
  <si>
    <t>OSM.2.1.17</t>
  </si>
  <si>
    <t>OSM.2.1.18</t>
  </si>
  <si>
    <t>2. General Information</t>
  </si>
  <si>
    <t>Total sustainable Mortgages</t>
  </si>
  <si>
    <t>SM.2.2.1</t>
  </si>
  <si>
    <t>Number of sustainable mortgage loans</t>
  </si>
  <si>
    <t>OSM.2.2.1</t>
  </si>
  <si>
    <t>OSM.2.2.2</t>
  </si>
  <si>
    <t>OSM.2.2.3</t>
  </si>
  <si>
    <t>OSM.2.2.4</t>
  </si>
  <si>
    <t>OSM.2.2.5</t>
  </si>
  <si>
    <t>OSM.2.2.6</t>
  </si>
  <si>
    <t>% Total Sustainable Mortgages</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4.45</t>
  </si>
  <si>
    <t>SM.2.4.46</t>
  </si>
  <si>
    <t>SM.2.4.47</t>
  </si>
  <si>
    <t>SM.2.4.48</t>
  </si>
  <si>
    <t>SM.2.4.49</t>
  </si>
  <si>
    <t>SM.2.4.50</t>
  </si>
  <si>
    <t>SM.2.4.51</t>
  </si>
  <si>
    <t>SM.2.4.52</t>
  </si>
  <si>
    <t>SM.2.4.53</t>
  </si>
  <si>
    <t>SM.2.4.5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OSM.2.8.1</t>
  </si>
  <si>
    <t>OSM.2.8.2</t>
  </si>
  <si>
    <t>OSM.2.8.3</t>
  </si>
  <si>
    <t>OSM.2.8.4</t>
  </si>
  <si>
    <t>SM.2.9.1</t>
  </si>
  <si>
    <t>OSM.2.9.1</t>
  </si>
  <si>
    <t>OSM.2.9.2</t>
  </si>
  <si>
    <t>OSM.2.9.3</t>
  </si>
  <si>
    <t>OSM.2.9.4</t>
  </si>
  <si>
    <t>OSM.2.9.5</t>
  </si>
  <si>
    <t>OSM.2.9.6</t>
  </si>
  <si>
    <t>OSM.2.9.7</t>
  </si>
  <si>
    <t>A. Residential Cover Pool</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 xml:space="preserve">Subsidised housing </t>
  </si>
  <si>
    <t>SM.2A.13.5</t>
  </si>
  <si>
    <t>SM.2A.13.6</t>
  </si>
  <si>
    <t>OSM.2A.13.1</t>
  </si>
  <si>
    <t>OSM.2A.13.2</t>
  </si>
  <si>
    <t>OSM.2A.13.3</t>
  </si>
  <si>
    <t>OSM.2A.13.4</t>
  </si>
  <si>
    <t>OSM.2A.13.5</t>
  </si>
  <si>
    <t>OSM.2A.13.6</t>
  </si>
  <si>
    <t>OSM.2A.13.7</t>
  </si>
  <si>
    <t>OSM.2A.13.8</t>
  </si>
  <si>
    <t>OSM.2A.13.9</t>
  </si>
  <si>
    <t>OSM.2A.13.10</t>
  </si>
  <si>
    <t>SM.2A.14.1</t>
  </si>
  <si>
    <t>SM.2A.14.2</t>
  </si>
  <si>
    <t>SM.2A.14.3</t>
  </si>
  <si>
    <t>OSM.2A.14.1</t>
  </si>
  <si>
    <t>OSM.2A.14.2</t>
  </si>
  <si>
    <t>OSM.2A.14.3</t>
  </si>
  <si>
    <t>15. Energy Performance information of the financed RRE</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16. Primary Energy intensity (kWh/m2 per year)</t>
  </si>
  <si>
    <t>SM.2A.16.1</t>
  </si>
  <si>
    <t>SM.2A.16.2</t>
  </si>
  <si>
    <t>SM.2A.16.3</t>
  </si>
  <si>
    <t>SM.2A.16.4</t>
  </si>
  <si>
    <t>SM.2A.16.5</t>
  </si>
  <si>
    <t>SM.2A.16.6</t>
  </si>
  <si>
    <t>SM.2A.16.7</t>
  </si>
  <si>
    <t>SM.2A.16.8</t>
  </si>
  <si>
    <t>SM.2A.16.9</t>
  </si>
  <si>
    <t>SM.2A.16.10</t>
  </si>
  <si>
    <t>SM.2A.16.11</t>
  </si>
  <si>
    <t>SM.2A.16.12</t>
  </si>
  <si>
    <t>SM.2A.16.13</t>
  </si>
  <si>
    <t>SM.2A.16.14</t>
  </si>
  <si>
    <t>SM.2A.16.15</t>
  </si>
  <si>
    <t>SM.2A.16.16</t>
  </si>
  <si>
    <t>SM.2A.16.17</t>
  </si>
  <si>
    <t>SM.2A.16.18</t>
  </si>
  <si>
    <t>SM.2A.16.19</t>
  </si>
  <si>
    <t>OSM.2A.16.1</t>
  </si>
  <si>
    <t>OSM.2A.16.2</t>
  </si>
  <si>
    <t>17. Property Age Structure</t>
  </si>
  <si>
    <t>% No. of dwellings</t>
  </si>
  <si>
    <t>SM.2A.17.1</t>
  </si>
  <si>
    <t>SM.2A.17.2</t>
  </si>
  <si>
    <t>SM.2A.17.3</t>
  </si>
  <si>
    <t>SM.2A.17.4</t>
  </si>
  <si>
    <t>SM.2A.17.5</t>
  </si>
  <si>
    <t>SM.2A.17.6</t>
  </si>
  <si>
    <t>SM.2A.17.7</t>
  </si>
  <si>
    <t>SM.2A.17.8</t>
  </si>
  <si>
    <t>SM.2A.17.9</t>
  </si>
  <si>
    <t>SM.2A.17.10</t>
  </si>
  <si>
    <t>SM.2A.17.11</t>
  </si>
  <si>
    <t>SM.2A.17.12</t>
  </si>
  <si>
    <t>SM.2A.17.13</t>
  </si>
  <si>
    <t>SM.2A.17.14</t>
  </si>
  <si>
    <t>OSM.2A.17.1</t>
  </si>
  <si>
    <t>OSM.2A.17.2</t>
  </si>
  <si>
    <t>OSM.2A.17.3</t>
  </si>
  <si>
    <t>OSM.2A.17.4</t>
  </si>
  <si>
    <t>OSM.2A.17.5</t>
  </si>
  <si>
    <t>OSM.2A.17.6</t>
  </si>
  <si>
    <t>OSM.2A.17.7</t>
  </si>
  <si>
    <t>OSM.2A.17.8</t>
  </si>
  <si>
    <t>OSM.2A.17.9</t>
  </si>
  <si>
    <t>OSM.2A.17.10</t>
  </si>
  <si>
    <t>18. Dwelling type</t>
  </si>
  <si>
    <t>SM.2A.18.1</t>
  </si>
  <si>
    <t>SM.2A.18.2</t>
  </si>
  <si>
    <t>SM.2A.18.3</t>
  </si>
  <si>
    <t>SM.2A.18.4</t>
  </si>
  <si>
    <t>SM.2A.18.5</t>
  </si>
  <si>
    <t>SM.2A.18.6</t>
  </si>
  <si>
    <t>SM.2A.18.7</t>
  </si>
  <si>
    <t>SM.2A.18.8</t>
  </si>
  <si>
    <t>OSM.2A.18.1</t>
  </si>
  <si>
    <t>19. New Residential Property</t>
  </si>
  <si>
    <t>SM.2A.19.1</t>
  </si>
  <si>
    <t>New Proprety</t>
  </si>
  <si>
    <t>SM.2A.19.2</t>
  </si>
  <si>
    <t>SM.2A.19.3</t>
  </si>
  <si>
    <t>SM.2A.19.4</t>
  </si>
  <si>
    <t>SM.2A.19.5</t>
  </si>
  <si>
    <t>OSM.2A.19.1</t>
  </si>
  <si>
    <t>SM.2A.20.1</t>
  </si>
  <si>
    <t>SM.2A.20.2</t>
  </si>
  <si>
    <t>SM.2A.20.3</t>
  </si>
  <si>
    <t>SM.2A.20.4</t>
  </si>
  <si>
    <t>SM.2A.20.5</t>
  </si>
  <si>
    <t>SM.2A.20.6</t>
  </si>
  <si>
    <t>SM.2A.20.7</t>
  </si>
  <si>
    <t>SM.2A.20.8</t>
  </si>
  <si>
    <t>SM.2A.20.9</t>
  </si>
  <si>
    <t>SM.2A.20.10</t>
  </si>
  <si>
    <t>SM.2A.20.11</t>
  </si>
  <si>
    <t>SM.2A.20.12</t>
  </si>
  <si>
    <t>SM.2A.20.13</t>
  </si>
  <si>
    <t>SM.2A.20.14</t>
  </si>
  <si>
    <t>SM.2A.20.15</t>
  </si>
  <si>
    <t>SM.2A.20.16</t>
  </si>
  <si>
    <t>SM.2A.20.17</t>
  </si>
  <si>
    <t>SM.2A.20.18</t>
  </si>
  <si>
    <t>SM.2A.20.19</t>
  </si>
  <si>
    <t>SM.2A.20.20</t>
  </si>
  <si>
    <t>SM.2A.20.21</t>
  </si>
  <si>
    <t>SM.2A.20.22</t>
  </si>
  <si>
    <t>SM.2A.20.23</t>
  </si>
  <si>
    <t>SM.2A.20.24</t>
  </si>
  <si>
    <t>SM.2A.20.25</t>
  </si>
  <si>
    <t>SM.2A.20.26</t>
  </si>
  <si>
    <t>SM.2A.20.27</t>
  </si>
  <si>
    <t>SM.2A.20.28</t>
  </si>
  <si>
    <t>SM.2A.20.29</t>
  </si>
  <si>
    <t>SM.2A.20.30</t>
  </si>
  <si>
    <t>SM.2A.20.31</t>
  </si>
  <si>
    <t>SM.2A.20.32</t>
  </si>
  <si>
    <t>SM.2A.20.33</t>
  </si>
  <si>
    <t>SM.2A.20.34</t>
  </si>
  <si>
    <t>SM.2A.20.35</t>
  </si>
  <si>
    <t>SM.2A.20.36</t>
  </si>
  <si>
    <t>SM.2A.20.37</t>
  </si>
  <si>
    <t>SM.2A.20.38</t>
  </si>
  <si>
    <t>SM.2A.20.39</t>
  </si>
  <si>
    <t>SM.2A.20.40</t>
  </si>
  <si>
    <t>SM.2A.20.41</t>
  </si>
  <si>
    <t>SM.2A.20.42</t>
  </si>
  <si>
    <t>SM.2A.20.43</t>
  </si>
  <si>
    <t>SM.2A.20.44</t>
  </si>
  <si>
    <t>SM.2A.20.45</t>
  </si>
  <si>
    <t>SM.2A.20.46</t>
  </si>
  <si>
    <t>SM.2A.20.47</t>
  </si>
  <si>
    <t>SM.2A.20.48</t>
  </si>
  <si>
    <t>B. Sustainable Commercial Cover Pool</t>
  </si>
  <si>
    <t>SM.2B.21.1</t>
  </si>
  <si>
    <t>SM.2B.21.2</t>
  </si>
  <si>
    <t>SM.2B.21.3</t>
  </si>
  <si>
    <t>SM.2B.21.4</t>
  </si>
  <si>
    <t>SM.2B.21.5</t>
  </si>
  <si>
    <t>SM.2B.21.6</t>
  </si>
  <si>
    <t>SM.2B.21.7</t>
  </si>
  <si>
    <t>SM.2B.21.8</t>
  </si>
  <si>
    <t>SM.2B.21.9</t>
  </si>
  <si>
    <t>SM.2B.21.10</t>
  </si>
  <si>
    <t>SM.2B.21.11</t>
  </si>
  <si>
    <t>SM.2B.21.12</t>
  </si>
  <si>
    <t>SM.2B.21.13</t>
  </si>
  <si>
    <t>SM.2B.21.14</t>
  </si>
  <si>
    <t>SM.2B.21.15</t>
  </si>
  <si>
    <t>SM.2B.21.16</t>
  </si>
  <si>
    <t>SM.2B.21.17</t>
  </si>
  <si>
    <t>SM.2B.21.18</t>
  </si>
  <si>
    <t>SM.2B.21.19</t>
  </si>
  <si>
    <t>SM.2B.21.20</t>
  </si>
  <si>
    <t>SM.2B.21.21</t>
  </si>
  <si>
    <t>SM.2B.21.22</t>
  </si>
  <si>
    <t>SM.2B.21.23</t>
  </si>
  <si>
    <t>SM.2B.21.24</t>
  </si>
  <si>
    <t>SM.2B.21.25</t>
  </si>
  <si>
    <t>SM.2B.21.26</t>
  </si>
  <si>
    <t>SM.2B.22.1</t>
  </si>
  <si>
    <t>SM.2B.22.2</t>
  </si>
  <si>
    <t>SM.2B.22.3</t>
  </si>
  <si>
    <t>SM.2B.22.4</t>
  </si>
  <si>
    <t>SM.2B.22.5</t>
  </si>
  <si>
    <t>SM.2B.22.6</t>
  </si>
  <si>
    <t>SM.2B.22.7</t>
  </si>
  <si>
    <t>SM.2B.22.8</t>
  </si>
  <si>
    <t>SM.2B.22.9</t>
  </si>
  <si>
    <t>SM.2B.22.10</t>
  </si>
  <si>
    <t>OSM.2B.22.1</t>
  </si>
  <si>
    <t>OSM.2B.22.2</t>
  </si>
  <si>
    <t>OSM.2B.22.3</t>
  </si>
  <si>
    <t>OSM.2B.22.4</t>
  </si>
  <si>
    <t>OSM.2B.22.5</t>
  </si>
  <si>
    <t>OSM.2B.22.6</t>
  </si>
  <si>
    <t>OSM.2B.22.7</t>
  </si>
  <si>
    <t>OSM.2B.22.8</t>
  </si>
  <si>
    <t>OSM.2B.22.9</t>
  </si>
  <si>
    <t>SM.2B.23.1</t>
  </si>
  <si>
    <t>SM.2B.23.2</t>
  </si>
  <si>
    <t>SM.2B.23.3</t>
  </si>
  <si>
    <t>SM.2B.23.4</t>
  </si>
  <si>
    <t>SM.2B.23.5</t>
  </si>
  <si>
    <t>SM.2B.23.6</t>
  </si>
  <si>
    <t>SM.2B.23.7</t>
  </si>
  <si>
    <t>SM.2B.23.8</t>
  </si>
  <si>
    <t>SM.2B.23.9</t>
  </si>
  <si>
    <t>SM.2B.23.10</t>
  </si>
  <si>
    <t>OSM.2B.23.1</t>
  </si>
  <si>
    <t>OSM.2B.23.2</t>
  </si>
  <si>
    <t>OSM.2B.23.3</t>
  </si>
  <si>
    <t>OSM.2B.23.4</t>
  </si>
  <si>
    <t>OSM.2B.23.5</t>
  </si>
  <si>
    <t>OSM.2B.23.6</t>
  </si>
  <si>
    <t>OSM.2B.23.7</t>
  </si>
  <si>
    <t>OSM.2B.23.8</t>
  </si>
  <si>
    <t>OSM.2B.23.9</t>
  </si>
  <si>
    <t>SM.2B.24.1</t>
  </si>
  <si>
    <t>SM.2B.24.2</t>
  </si>
  <si>
    <t>SM.2B.24.3</t>
  </si>
  <si>
    <t>SM.2B.24.4</t>
  </si>
  <si>
    <t>SM.2B.24.5</t>
  </si>
  <si>
    <t>SM.2B.24.6</t>
  </si>
  <si>
    <t>SM.2B.24.7</t>
  </si>
  <si>
    <t>SM.2B.24.8</t>
  </si>
  <si>
    <t>SM.2B.24.9</t>
  </si>
  <si>
    <t>SM.2B.24.10</t>
  </si>
  <si>
    <t>SM.2B.24.11</t>
  </si>
  <si>
    <t>SM.2B.24.12</t>
  </si>
  <si>
    <t>SM.2B.24.13</t>
  </si>
  <si>
    <t>OSM.2B.24.1</t>
  </si>
  <si>
    <t>OSM.2B.24.2</t>
  </si>
  <si>
    <t>OSM.2B.24.3</t>
  </si>
  <si>
    <t>OSM.2B.24.4</t>
  </si>
  <si>
    <t>OSM.2B.24.5</t>
  </si>
  <si>
    <t>OSM.2B.24.6</t>
  </si>
  <si>
    <t>OSM.2B.24.7</t>
  </si>
  <si>
    <t>OSM.2B.24.8</t>
  </si>
  <si>
    <t>OSM.2B.24.9</t>
  </si>
  <si>
    <t>OSM.2B.24.10</t>
  </si>
  <si>
    <t>OSM.2B.24.11</t>
  </si>
  <si>
    <t>OSM.2B.24.12</t>
  </si>
  <si>
    <t>OSM.2B.24.13</t>
  </si>
  <si>
    <t>OSM.2B.24.14</t>
  </si>
  <si>
    <t>25. EPC  Information of the financed CRE</t>
  </si>
  <si>
    <t>SM.2B.25.1</t>
  </si>
  <si>
    <t>SM.2B.25.2</t>
  </si>
  <si>
    <t>SM.2B.25.3</t>
  </si>
  <si>
    <t>SM.2B.25.4</t>
  </si>
  <si>
    <t>SM.2B.25.5</t>
  </si>
  <si>
    <t>SM.2B.25.6</t>
  </si>
  <si>
    <t>SM.2B.25.7</t>
  </si>
  <si>
    <t>SM.2B.25.8</t>
  </si>
  <si>
    <t>SM.2B.25.9</t>
  </si>
  <si>
    <t>SM.2B.25.10</t>
  </si>
  <si>
    <t>SM.2B.25.11</t>
  </si>
  <si>
    <t>SM.2B.25.12</t>
  </si>
  <si>
    <t>SM.2B.25.13</t>
  </si>
  <si>
    <t>SM.2B.25.14</t>
  </si>
  <si>
    <t>SM.2B.25.15</t>
  </si>
  <si>
    <t>SM.2B.25.16</t>
  </si>
  <si>
    <t>SM.2B.25.17</t>
  </si>
  <si>
    <t>SM.2B.25.18</t>
  </si>
  <si>
    <t>SM.2B.25.19</t>
  </si>
  <si>
    <t>OSM.2B.25.1</t>
  </si>
  <si>
    <t>OSM.2B.25.2</t>
  </si>
  <si>
    <t>OSM.2B.25.3</t>
  </si>
  <si>
    <t>26. Average energy use intensity (kWh/m2 per year)</t>
  </si>
  <si>
    <t>% No. of  CRE</t>
  </si>
  <si>
    <t>SM.2B.26.1</t>
  </si>
  <si>
    <t>SM.2B.26.2</t>
  </si>
  <si>
    <t>SM.2B.26.3</t>
  </si>
  <si>
    <t>SM.2B.26.4</t>
  </si>
  <si>
    <t>SM.2B.26.5</t>
  </si>
  <si>
    <t>SM.2B.26.6</t>
  </si>
  <si>
    <t>SM.2B.26.7</t>
  </si>
  <si>
    <t>SM.2B.26.8</t>
  </si>
  <si>
    <t>SM.2B.26.9</t>
  </si>
  <si>
    <t>SM.2B.26.10</t>
  </si>
  <si>
    <t>SM.2B.26.11</t>
  </si>
  <si>
    <t>SM.2B.26.12</t>
  </si>
  <si>
    <t>SM.2B.26.13</t>
  </si>
  <si>
    <t>SM.2B.26.14</t>
  </si>
  <si>
    <t>SM.2B.26.15</t>
  </si>
  <si>
    <t>SM.2B.26.16</t>
  </si>
  <si>
    <t>SM.2B.26.17</t>
  </si>
  <si>
    <t>SM.2B.26.18</t>
  </si>
  <si>
    <t>SM.2B.26.19</t>
  </si>
  <si>
    <t>27. CRE Age Structure</t>
  </si>
  <si>
    <t>SM.2B.27.1</t>
  </si>
  <si>
    <t>SM.2B.27.2</t>
  </si>
  <si>
    <t>SM.2B.27.3</t>
  </si>
  <si>
    <t>SM.2B.27.4</t>
  </si>
  <si>
    <t>SM.2B.27.5</t>
  </si>
  <si>
    <t>SM.2B.27.6</t>
  </si>
  <si>
    <t>SM.2B.27.7</t>
  </si>
  <si>
    <t>SM.2B.27.8</t>
  </si>
  <si>
    <t>SM.2B.27.9</t>
  </si>
  <si>
    <t>SM.2B.27.10</t>
  </si>
  <si>
    <t>SM.2B.27.11</t>
  </si>
  <si>
    <t>SM.2B.27.12</t>
  </si>
  <si>
    <t>SM.2B.27.13</t>
  </si>
  <si>
    <t>SM.2B.27.14</t>
  </si>
  <si>
    <t>OSM.2B.27.1</t>
  </si>
  <si>
    <t>OSM.2B.27.2</t>
  </si>
  <si>
    <t>OSM.2B.27.3</t>
  </si>
  <si>
    <t>OSM.2B.27.4</t>
  </si>
  <si>
    <t>OSM.2B.27.5</t>
  </si>
  <si>
    <t>OSM.2B.27.6</t>
  </si>
  <si>
    <t>OSM.2B.27.7</t>
  </si>
  <si>
    <t>OSM.2B.27.8</t>
  </si>
  <si>
    <t>OSM.2B.27.9</t>
  </si>
  <si>
    <t>OSM.2B.27.10</t>
  </si>
  <si>
    <t>28. New Commercial Property</t>
  </si>
  <si>
    <t>SM.2B.28.1</t>
  </si>
  <si>
    <t>New property</t>
  </si>
  <si>
    <t>SM.2B.28.2</t>
  </si>
  <si>
    <t>SM.2B.28.3</t>
  </si>
  <si>
    <t>SM.2B.28.4</t>
  </si>
  <si>
    <t>SM.2B.28.5</t>
  </si>
  <si>
    <t>SM.2B.29.1</t>
  </si>
  <si>
    <t>SM.2B.29.2</t>
  </si>
  <si>
    <t>SM.2B.29.3</t>
  </si>
  <si>
    <t>SM.2B.29.4</t>
  </si>
  <si>
    <t>SM.2B.29.5</t>
  </si>
  <si>
    <t>SM.2B.29.6</t>
  </si>
  <si>
    <t>SM.2B.29.7</t>
  </si>
  <si>
    <t>SM.2B.29.8</t>
  </si>
  <si>
    <t>SM.2B.29.9</t>
  </si>
  <si>
    <t>SM.2B.29.10</t>
  </si>
  <si>
    <t>SM.2B.29.11</t>
  </si>
  <si>
    <t>SM.2B.29.12</t>
  </si>
  <si>
    <t>SM.2B.29.13</t>
  </si>
  <si>
    <t>SM.2B.29.14</t>
  </si>
  <si>
    <t>SM.2B.29.15</t>
  </si>
  <si>
    <t>SM.2B.29.16</t>
  </si>
  <si>
    <t>SM.2B.29.17</t>
  </si>
  <si>
    <t>SM.2B.29.18</t>
  </si>
  <si>
    <t>SM.2B.29.19</t>
  </si>
  <si>
    <t>G1. Crisis Mortgage Payment Holidays</t>
  </si>
  <si>
    <t>For further information concerning the nation-specific dispositions regarging the impact of the Covid 19 outbreak on cover pools, please refer to the:</t>
  </si>
  <si>
    <t>COVID-19: EMF-ECBC Response</t>
  </si>
  <si>
    <t>https://hypo.org/emf/market-initiative/covid-19-emf-ecbc-response/</t>
  </si>
  <si>
    <t>CONTENT OF Temporary Tab</t>
  </si>
  <si>
    <t>Optional further information at issuer/country level</t>
  </si>
  <si>
    <t>1.  Share of assets affected by payment holidays caused by COVID 19</t>
  </si>
  <si>
    <t>2. Additional information on the cover pool section affected by payment holidays</t>
  </si>
  <si>
    <t xml:space="preserve">Can the COVID-19 related payment holiday loans remain part of the cover pool?     </t>
  </si>
  <si>
    <t>[YES/NO] (cancel what is not relevant)</t>
  </si>
  <si>
    <t>1.  Share of cover assets affected at the time of reporting by payment holidays caused exclusively by COVID 19</t>
  </si>
  <si>
    <t>1. Breakdown of payment holiday</t>
  </si>
  <si>
    <t xml:space="preserve">% Nominal (mn) to total cover pool </t>
  </si>
  <si>
    <t>% No. of Loans to total cover pool</t>
  </si>
  <si>
    <t>COV.1.1.1</t>
  </si>
  <si>
    <t>payment holiday granted</t>
  </si>
  <si>
    <t>OCOV.1.1.2</t>
  </si>
  <si>
    <t>OCOV.1.1.3</t>
  </si>
  <si>
    <t>1. types of granted payment holiday (original duration)</t>
  </si>
  <si>
    <t>1 month</t>
  </si>
  <si>
    <t>2 months</t>
  </si>
  <si>
    <t>3 months</t>
  </si>
  <si>
    <t>4 to 6 months</t>
  </si>
  <si>
    <t>over 6 months</t>
  </si>
  <si>
    <t>total</t>
  </si>
  <si>
    <t>in % nominal (mn) of affected notional amount to total cover pool</t>
  </si>
  <si>
    <t>COV.2.1.1</t>
  </si>
  <si>
    <t xml:space="preserve">principal &amp; interest deferred </t>
  </si>
  <si>
    <t>COV.2.1.2</t>
  </si>
  <si>
    <t>Principal deferred</t>
  </si>
  <si>
    <t>COV.2.1.3</t>
  </si>
  <si>
    <t>COV.2.1.4</t>
  </si>
  <si>
    <t>Total payment holiday</t>
  </si>
  <si>
    <t>OCOV.2.1.5</t>
  </si>
  <si>
    <t>o/w [if relevant, please specify]</t>
  </si>
  <si>
    <t>OCOV.2.1.6</t>
  </si>
  <si>
    <t>OCOV.2.1.7</t>
  </si>
  <si>
    <t>OCOV.2.1.8</t>
  </si>
  <si>
    <t>OCOV.2.1.9</t>
  </si>
  <si>
    <t>OCOV.2.1.10</t>
  </si>
  <si>
    <t>Version 8</t>
  </si>
  <si>
    <t xml:space="preserve">Issuer </t>
  </si>
  <si>
    <t>Issuer:</t>
  </si>
  <si>
    <t>Skandinaviska Enskilda Banken  AB (publ)</t>
  </si>
  <si>
    <t>Compliant with CBD art 14, together with HTT</t>
  </si>
  <si>
    <t>Owner:</t>
  </si>
  <si>
    <t xml:space="preserve">Controlling authority: </t>
  </si>
  <si>
    <t xml:space="preserve">Swedish Financial Supervisory Authority </t>
  </si>
  <si>
    <t>Long Rating</t>
  </si>
  <si>
    <t>S&amp;P</t>
  </si>
  <si>
    <t>Moody's</t>
  </si>
  <si>
    <t>Fitch</t>
  </si>
  <si>
    <t>Report date</t>
  </si>
  <si>
    <t>Covered bond</t>
  </si>
  <si>
    <t>n/r</t>
  </si>
  <si>
    <t>Aaa</t>
  </si>
  <si>
    <t>Issuer</t>
  </si>
  <si>
    <t>A+/Stable</t>
  </si>
  <si>
    <t>Aa3/Stable*</t>
  </si>
  <si>
    <t>AA-/Stable</t>
  </si>
  <si>
    <t>Owner</t>
  </si>
  <si>
    <t>Cover pool</t>
  </si>
  <si>
    <t>Included assets</t>
  </si>
  <si>
    <t>Volume, MSEK</t>
  </si>
  <si>
    <t>Eligible for liqudity buffer, MSEK</t>
  </si>
  <si>
    <t>Cover pool items</t>
  </si>
  <si>
    <t>Substitute assets</t>
  </si>
  <si>
    <t>Number of clients</t>
  </si>
  <si>
    <t>Number of properties</t>
  </si>
  <si>
    <t>Average loan size</t>
  </si>
  <si>
    <t>Type of collateral</t>
  </si>
  <si>
    <t>Loan volume, MSEK</t>
  </si>
  <si>
    <t>Loan volume, %</t>
  </si>
  <si>
    <t>Average loan size, SEK</t>
  </si>
  <si>
    <t>Regional distribution</t>
  </si>
  <si>
    <t>Single -family housing</t>
  </si>
  <si>
    <t>Tenant owner rights</t>
  </si>
  <si>
    <t>Multi-family housing</t>
  </si>
  <si>
    <t>Tenant owner associations*</t>
  </si>
  <si>
    <t>Forest &amp; agricultural</t>
  </si>
  <si>
    <t>Public</t>
  </si>
  <si>
    <t>Sum</t>
  </si>
  <si>
    <t>Interest rate type</t>
  </si>
  <si>
    <t>Repayment type</t>
  </si>
  <si>
    <t>Floating</t>
  </si>
  <si>
    <t>Amortizing</t>
  </si>
  <si>
    <t>Fixed</t>
  </si>
  <si>
    <t>Interest only</t>
  </si>
  <si>
    <t xml:space="preserve">Average life </t>
  </si>
  <si>
    <t>LTV, %</t>
  </si>
  <si>
    <t>&lt; 10%</t>
  </si>
  <si>
    <t>10-20%</t>
  </si>
  <si>
    <t>20-30%</t>
  </si>
  <si>
    <t>30-40%</t>
  </si>
  <si>
    <t>40-50%</t>
  </si>
  <si>
    <t>50-60%</t>
  </si>
  <si>
    <t>60-70%</t>
  </si>
  <si>
    <t>70-80%</t>
  </si>
  <si>
    <t>80%-</t>
  </si>
  <si>
    <t>Maturity buckets*</t>
  </si>
  <si>
    <t>2031-</t>
  </si>
  <si>
    <t>Seasoning</t>
  </si>
  <si>
    <t>0-12 M</t>
  </si>
  <si>
    <t>12-24 M</t>
  </si>
  <si>
    <t>24-36 M</t>
  </si>
  <si>
    <t>36-60 M</t>
  </si>
  <si>
    <t>60 M -</t>
  </si>
  <si>
    <t>Credit quality</t>
  </si>
  <si>
    <t>Past due</t>
  </si>
  <si>
    <t>1-30 d</t>
  </si>
  <si>
    <t>31-60 d</t>
  </si>
  <si>
    <t>61-90 d</t>
  </si>
  <si>
    <t>&gt;90 d</t>
  </si>
  <si>
    <t>Share of  loan volume, %</t>
  </si>
  <si>
    <t>Impaired loans, %</t>
  </si>
  <si>
    <t>Key ratios</t>
  </si>
  <si>
    <t>OC</t>
  </si>
  <si>
    <t>LTV</t>
  </si>
  <si>
    <t>Domestic benchmark in SEK</t>
  </si>
  <si>
    <t>ISIN</t>
  </si>
  <si>
    <t>Amount, M</t>
  </si>
  <si>
    <t>Currency</t>
  </si>
  <si>
    <t>Amount, MSEK</t>
  </si>
  <si>
    <t>Issue date</t>
  </si>
  <si>
    <t>Coupon</t>
  </si>
  <si>
    <t>Maturity type</t>
  </si>
  <si>
    <t>Maturity</t>
  </si>
  <si>
    <t>Extended maturity</t>
  </si>
  <si>
    <t>SE0010049841</t>
  </si>
  <si>
    <t>Fixed (H)</t>
  </si>
  <si>
    <t>Bullet</t>
  </si>
  <si>
    <t>SE0012193621</t>
  </si>
  <si>
    <t xml:space="preserve">SE0013101722 </t>
  </si>
  <si>
    <t>SE0013102043</t>
  </si>
  <si>
    <t>SE0017780182</t>
  </si>
  <si>
    <t>Fixed (S)</t>
  </si>
  <si>
    <r>
      <t>Soft</t>
    </r>
    <r>
      <rPr>
        <vertAlign val="superscript"/>
        <sz val="11"/>
        <rFont val="Calibri"/>
        <family val="2"/>
      </rPr>
      <t>1</t>
    </r>
  </si>
  <si>
    <t>SE0017780430</t>
  </si>
  <si>
    <t>SE0017780422</t>
  </si>
  <si>
    <t>Other benchmark</t>
  </si>
  <si>
    <t>XS1633824823</t>
  </si>
  <si>
    <t>XS1948598997</t>
  </si>
  <si>
    <t>XS2462455689</t>
  </si>
  <si>
    <t xml:space="preserve">XS1716825507 </t>
  </si>
  <si>
    <t xml:space="preserve">EUR </t>
  </si>
  <si>
    <t>XS2592234749</t>
  </si>
  <si>
    <t>Other bonds</t>
  </si>
  <si>
    <t xml:space="preserve">SE0002695924 </t>
  </si>
  <si>
    <t xml:space="preserve">SE0003815703 </t>
  </si>
  <si>
    <t>SE0013102001</t>
  </si>
  <si>
    <t xml:space="preserve">SE0004269728 </t>
  </si>
  <si>
    <t xml:space="preserve">SE0004545374 </t>
  </si>
  <si>
    <t xml:space="preserve">SE0002829200 </t>
  </si>
  <si>
    <t xml:space="preserve">SE0004241602 </t>
  </si>
  <si>
    <t>Total oustanding bonds</t>
  </si>
  <si>
    <t xml:space="preserve"> of which repos</t>
  </si>
  <si>
    <t>Maturity extension trigger footnotes</t>
  </si>
  <si>
    <t>The maturity may be extended subject to such extension being permitted by the Swedish FSA as a result of it being deemed likely that the extension will prevent insolvency. The extention would be unaffected by legal events such as insolvency or resolution.</t>
  </si>
  <si>
    <t>Maturity buckets</t>
  </si>
  <si>
    <t>2028-2033</t>
  </si>
  <si>
    <t>2034-2036</t>
  </si>
  <si>
    <t>2037-</t>
  </si>
  <si>
    <t>Total, %</t>
  </si>
  <si>
    <t>Hedging and risk</t>
  </si>
  <si>
    <t>Currency risk, MSEK</t>
  </si>
  <si>
    <t>Pool assets</t>
  </si>
  <si>
    <t>Covered bonds</t>
  </si>
  <si>
    <t>Interest rate risk, MSEK</t>
  </si>
  <si>
    <t xml:space="preserve">Capped floating </t>
  </si>
  <si>
    <t>Skandinaviska Enskilda Banken AB (publ) :: Covered Bond Labe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64" formatCode="0.0%"/>
    <numFmt numFmtId="165" formatCode="#,##0.0"/>
    <numFmt numFmtId="166" formatCode="0.0"/>
    <numFmt numFmtId="167" formatCode="_ * #,##0.00_ ;_ * \-#,##0.00_ ;_ * &quot;-&quot;??_ ;_ @_ "/>
    <numFmt numFmtId="168" formatCode="#,##0.0%"/>
    <numFmt numFmtId="169" formatCode="#,##0.00%"/>
    <numFmt numFmtId="170" formatCode="#,##0.000"/>
    <numFmt numFmtId="171" formatCode="0.000"/>
  </numFmts>
  <fonts count="60"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name val="Calibri"/>
      <family val="2"/>
      <scheme val="minor"/>
    </font>
    <font>
      <sz val="13"/>
      <name val="Calibri"/>
      <family val="2"/>
      <scheme val="minor"/>
    </font>
    <font>
      <b/>
      <sz val="13"/>
      <color rgb="FF33333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4"/>
      <color theme="1"/>
      <name val="Calibri"/>
      <family val="2"/>
      <scheme val="minor"/>
    </font>
    <font>
      <sz val="11"/>
      <color rgb="FFFFFFFF"/>
      <name val="Calibri"/>
      <family val="2"/>
    </font>
    <font>
      <u/>
      <sz val="11"/>
      <color rgb="FF0000FF"/>
      <name val="Calibri"/>
      <family val="2"/>
    </font>
    <font>
      <sz val="11"/>
      <name val="Calibri"/>
      <family val="2"/>
    </font>
    <font>
      <b/>
      <sz val="14"/>
      <color rgb="FFFFFFFF"/>
      <name val="Calibri"/>
      <family val="2"/>
    </font>
    <font>
      <b/>
      <sz val="11"/>
      <color rgb="FF000000"/>
      <name val="Calibri"/>
      <family val="2"/>
    </font>
    <font>
      <sz val="11"/>
      <color rgb="FF000000"/>
      <name val="Calibri"/>
      <family val="2"/>
    </font>
    <font>
      <i/>
      <sz val="11"/>
      <name val="Calibri"/>
      <family val="2"/>
    </font>
    <font>
      <sz val="16"/>
      <name val="Calibri"/>
      <family val="2"/>
    </font>
    <font>
      <i/>
      <sz val="8"/>
      <name val="Calibri"/>
      <family val="2"/>
      <scheme val="minor"/>
    </font>
    <font>
      <sz val="10"/>
      <name val="SEB SansSerif"/>
    </font>
    <font>
      <sz val="10"/>
      <color theme="1"/>
      <name val="SEB SansSerif"/>
    </font>
    <font>
      <sz val="11"/>
      <color rgb="FFFFFFFF"/>
      <name val="Calibri"/>
      <family val="2"/>
      <scheme val="minor"/>
    </font>
    <font>
      <sz val="11"/>
      <color rgb="FF3660A8"/>
      <name val="Calibri"/>
      <family val="2"/>
      <scheme val="minor"/>
    </font>
    <font>
      <vertAlign val="superscript"/>
      <sz val="11"/>
      <name val="Calibri"/>
      <family val="2"/>
    </font>
    <font>
      <b/>
      <sz val="11"/>
      <color rgb="FF0070C0"/>
      <name val="Calibri"/>
      <family val="2"/>
      <scheme val="minor"/>
    </font>
  </fonts>
  <fills count="17">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6600"/>
        <bgColor rgb="FFFF6600"/>
      </patternFill>
    </fill>
    <fill>
      <patternFill patternType="solid">
        <fgColor rgb="FF00008B"/>
        <bgColor rgb="FF00008B"/>
      </patternFill>
    </fill>
    <fill>
      <patternFill patternType="solid">
        <fgColor rgb="FFE67B32"/>
        <bgColor rgb="FFE67B32"/>
      </patternFill>
    </fill>
    <fill>
      <patternFill patternType="solid">
        <fgColor rgb="FFFFBF91"/>
        <bgColor rgb="FFFFBF91"/>
      </patternFill>
    </fill>
    <fill>
      <patternFill patternType="solid">
        <fgColor rgb="FFD5E2BC"/>
        <bgColor rgb="FFD5E2BC"/>
      </patternFill>
    </fill>
    <fill>
      <patternFill patternType="solid">
        <fgColor rgb="FFFFFFFF"/>
        <bgColor rgb="FFFFFFFF"/>
      </patternFill>
    </fill>
    <fill>
      <patternFill patternType="solid">
        <fgColor rgb="FFDDDDDD"/>
        <bgColor indexed="64"/>
      </patternFill>
    </fill>
    <fill>
      <patternFill patternType="solid">
        <fgColor rgb="FFFFFFFF"/>
        <bgColor indexed="64"/>
      </patternFill>
    </fill>
    <fill>
      <patternFill patternType="solid">
        <fgColor theme="0" tint="-0.14999847407452621"/>
        <bgColor indexed="64"/>
      </patternFill>
    </fill>
  </fills>
  <borders count="5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right/>
      <top/>
      <bottom/>
      <diagonal/>
    </border>
    <border>
      <left style="thin">
        <color rgb="FFDDDDDD"/>
      </left>
      <right/>
      <top style="thin">
        <color rgb="FFDDDDDD"/>
      </top>
      <bottom/>
      <diagonal/>
    </border>
    <border>
      <left/>
      <right/>
      <top style="thin">
        <color rgb="FFDDDDDD"/>
      </top>
      <bottom/>
      <diagonal/>
    </border>
    <border>
      <left/>
      <right style="thin">
        <color rgb="FFDDDDDD"/>
      </right>
      <top style="thin">
        <color rgb="FFDDDDDD"/>
      </top>
      <bottom/>
      <diagonal/>
    </border>
    <border>
      <left style="thin">
        <color rgb="FFDDDDDD"/>
      </left>
      <right style="thin">
        <color rgb="FFDDDDDD"/>
      </right>
      <top style="thin">
        <color rgb="FFDDDDDD"/>
      </top>
      <bottom style="thin">
        <color rgb="FFDDDDDD"/>
      </bottom>
      <diagonal/>
    </border>
    <border>
      <left style="thin">
        <color rgb="FFDDDDDD"/>
      </left>
      <right/>
      <top/>
      <bottom/>
      <diagonal/>
    </border>
    <border>
      <left style="thin">
        <color rgb="FFDDDDDD"/>
      </left>
      <right/>
      <top/>
      <bottom style="thin">
        <color rgb="FFDDDDDD"/>
      </bottom>
      <diagonal/>
    </border>
    <border>
      <left style="thin">
        <color rgb="FFDDDDDD"/>
      </left>
      <right/>
      <top style="thin">
        <color rgb="FFDDDDDD"/>
      </top>
      <bottom style="thin">
        <color rgb="FFDDDDDD"/>
      </bottom>
      <diagonal/>
    </border>
    <border>
      <left/>
      <right/>
      <top style="thin">
        <color rgb="FFDDDDDD"/>
      </top>
      <bottom style="thin">
        <color rgb="FFDDDDDD"/>
      </bottom>
      <diagonal/>
    </border>
    <border>
      <left/>
      <right style="thin">
        <color rgb="FFDDDDDD"/>
      </right>
      <top style="thin">
        <color rgb="FFDDDDDD"/>
      </top>
      <bottom style="thin">
        <color rgb="FFDDDDDD"/>
      </bottom>
      <diagonal/>
    </border>
    <border>
      <left style="thin">
        <color rgb="FFDDDDDD"/>
      </left>
      <right style="thin">
        <color rgb="FFDDDDDD"/>
      </right>
      <top style="thin">
        <color rgb="FFDDDDDD"/>
      </top>
      <bottom/>
      <diagonal/>
    </border>
    <border>
      <left style="thin">
        <color indexed="64"/>
      </left>
      <right style="thin">
        <color rgb="FFDDDDDD"/>
      </right>
      <top style="thin">
        <color rgb="FFDDDDDD"/>
      </top>
      <bottom style="thin">
        <color rgb="FFDDDDDD"/>
      </bottom>
      <diagonal/>
    </border>
    <border>
      <left style="thin">
        <color theme="0" tint="-0.24994659260841701"/>
      </left>
      <right/>
      <top style="thin">
        <color theme="0" tint="-0.24994659260841701"/>
      </top>
      <bottom style="thin">
        <color indexed="64"/>
      </bottom>
      <diagonal/>
    </border>
    <border>
      <left style="thin">
        <color indexed="64"/>
      </left>
      <right style="thin">
        <color theme="0" tint="-0.24994659260841701"/>
      </right>
      <top style="thin">
        <color theme="0" tint="-0.24994659260841701"/>
      </top>
      <bottom style="thin">
        <color indexed="64"/>
      </bottom>
      <diagonal/>
    </border>
    <border>
      <left style="thin">
        <color theme="0" tint="-0.24994659260841701"/>
      </left>
      <right style="thin">
        <color rgb="FFDDDDDD"/>
      </right>
      <top style="thin">
        <color rgb="FFDDDDDD"/>
      </top>
      <bottom style="thin">
        <color indexed="64"/>
      </bottom>
      <diagonal/>
    </border>
    <border>
      <left style="thin">
        <color theme="0" tint="-0.24994659260841701"/>
      </left>
      <right/>
      <top/>
      <bottom style="thin">
        <color theme="0" tint="-0.24994659260841701"/>
      </bottom>
      <diagonal/>
    </border>
    <border>
      <left style="thin">
        <color indexed="64"/>
      </left>
      <right style="thin">
        <color theme="0" tint="-0.24994659260841701"/>
      </right>
      <top/>
      <bottom style="thin">
        <color theme="0" tint="-0.24994659260841701"/>
      </bottom>
      <diagonal/>
    </border>
    <border>
      <left style="thin">
        <color rgb="FFDDDDDD"/>
      </left>
      <right style="thin">
        <color rgb="FFDDDDDD"/>
      </right>
      <top/>
      <bottom style="thin">
        <color rgb="FFDDDDDD"/>
      </bottom>
      <diagonal/>
    </border>
    <border>
      <left style="thin">
        <color indexed="64"/>
      </left>
      <right style="thin">
        <color theme="0" tint="-0.24994659260841701"/>
      </right>
      <top style="thin">
        <color theme="0" tint="-0.24994659260841701"/>
      </top>
      <bottom style="thin">
        <color theme="0" tint="-0.24994659260841701"/>
      </bottom>
      <diagonal/>
    </border>
    <border>
      <left style="thin">
        <color theme="0" tint="-0.24994659260841701"/>
      </left>
      <right/>
      <top style="thin">
        <color theme="0" tint="-0.24994659260841701"/>
      </top>
      <bottom style="thin">
        <color theme="0" tint="-0.24994659260841701"/>
      </bottom>
      <diagonal/>
    </border>
    <border>
      <left style="thin">
        <color rgb="FFDDDDDD"/>
      </left>
      <right/>
      <top style="thin">
        <color rgb="FFDDDDDD"/>
      </top>
      <bottom style="thin">
        <color indexed="64"/>
      </bottom>
      <diagonal/>
    </border>
  </borders>
  <cellStyleXfs count="25">
    <xf numFmtId="0" fontId="0" fillId="0" borderId="0"/>
    <xf numFmtId="9" fontId="4" fillId="0" borderId="0"/>
    <xf numFmtId="0" fontId="14" fillId="0" borderId="0"/>
    <xf numFmtId="167" fontId="4" fillId="0" borderId="0"/>
    <xf numFmtId="0" fontId="28" fillId="0" borderId="0"/>
    <xf numFmtId="0" fontId="28" fillId="0" borderId="0"/>
    <xf numFmtId="0" fontId="28" fillId="0" borderId="0"/>
    <xf numFmtId="0" fontId="40" fillId="0" borderId="0"/>
    <xf numFmtId="0" fontId="28" fillId="0" borderId="0">
      <alignment horizontal="left" wrapText="1"/>
    </xf>
    <xf numFmtId="0" fontId="45" fillId="8" borderId="30">
      <alignment horizontal="center" vertical="center"/>
    </xf>
    <xf numFmtId="0" fontId="45" fillId="9" borderId="30">
      <alignment horizontal="center" vertical="center"/>
    </xf>
    <xf numFmtId="0" fontId="46" fillId="0" borderId="30">
      <alignment horizontal="center" vertical="center"/>
    </xf>
    <xf numFmtId="0" fontId="47" fillId="0" borderId="30">
      <alignment horizontal="center" vertical="center"/>
    </xf>
    <xf numFmtId="168" fontId="47" fillId="0" borderId="30">
      <alignment horizontal="center" vertical="center"/>
    </xf>
    <xf numFmtId="3" fontId="47" fillId="0" borderId="30">
      <alignment horizontal="center" vertical="center"/>
    </xf>
    <xf numFmtId="0" fontId="48" fillId="10" borderId="30">
      <alignment horizontal="center" vertical="center"/>
    </xf>
    <xf numFmtId="0" fontId="49" fillId="11" borderId="30">
      <alignment horizontal="center" vertical="center"/>
    </xf>
    <xf numFmtId="3" fontId="50" fillId="12" borderId="30">
      <alignment horizontal="center" vertical="center"/>
    </xf>
    <xf numFmtId="0" fontId="51" fillId="0" borderId="30">
      <alignment horizontal="center" vertical="center"/>
    </xf>
    <xf numFmtId="0" fontId="49" fillId="13" borderId="30">
      <alignment horizontal="center" vertical="center"/>
    </xf>
    <xf numFmtId="0" fontId="51" fillId="0" borderId="30">
      <alignment horizontal="right" vertical="center"/>
    </xf>
    <xf numFmtId="4" fontId="47" fillId="0" borderId="30">
      <alignment horizontal="center" vertical="center"/>
    </xf>
    <xf numFmtId="0" fontId="52" fillId="0" borderId="30">
      <alignment horizontal="center" vertical="center"/>
    </xf>
    <xf numFmtId="169" fontId="47" fillId="0" borderId="30">
      <alignment horizontal="center" vertical="center"/>
    </xf>
    <xf numFmtId="3" fontId="23" fillId="0" borderId="34"/>
  </cellStyleXfs>
  <cellXfs count="325">
    <xf numFmtId="0" fontId="0" fillId="0" borderId="0" xfId="0"/>
    <xf numFmtId="0" fontId="7" fillId="0" borderId="1" xfId="0" applyFont="1" applyBorder="1"/>
    <xf numFmtId="0" fontId="7" fillId="0" borderId="2" xfId="0" applyFont="1" applyBorder="1"/>
    <xf numFmtId="0" fontId="7" fillId="0" borderId="3"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7" fillId="0" borderId="0" xfId="0" applyFont="1"/>
    <xf numFmtId="0" fontId="7" fillId="0" borderId="5" xfId="0" applyFont="1" applyBorder="1"/>
    <xf numFmtId="0" fontId="0" fillId="0" borderId="4" xfId="0" applyBorder="1"/>
    <xf numFmtId="0" fontId="0" fillId="0" borderId="5" xfId="0" applyBorder="1"/>
    <xf numFmtId="0" fontId="13" fillId="0" borderId="0" xfId="0" applyFont="1"/>
    <xf numFmtId="0" fontId="7" fillId="0" borderId="4" xfId="0" applyFont="1" applyBorder="1"/>
    <xf numFmtId="0" fontId="10" fillId="0" borderId="0" xfId="0" applyFont="1" applyAlignment="1">
      <alignment horizontal="center"/>
    </xf>
    <xf numFmtId="0" fontId="0" fillId="0" borderId="7" xfId="0" applyBorder="1"/>
    <xf numFmtId="0" fontId="7" fillId="0" borderId="0" xfId="0" quotePrefix="1" applyFont="1" applyAlignment="1">
      <alignment horizontal="right"/>
    </xf>
    <xf numFmtId="0" fontId="10" fillId="0" borderId="7" xfId="0" applyFont="1" applyBorder="1" applyAlignment="1">
      <alignment horizontal="center"/>
    </xf>
    <xf numFmtId="0" fontId="11" fillId="0" borderId="0" xfId="0" applyFont="1" applyAlignment="1">
      <alignment horizontal="left" vertical="center"/>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3"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16" fillId="0" borderId="0" xfId="0" applyFont="1"/>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23" fillId="0" borderId="0" xfId="0" quotePrefix="1" applyFont="1" applyAlignment="1">
      <alignment horizontal="center" vertical="center" wrapText="1"/>
    </xf>
    <xf numFmtId="0" fontId="24" fillId="0" borderId="0" xfId="0" quotePrefix="1" applyFont="1" applyAlignment="1">
      <alignment horizontal="center" vertical="center" wrapText="1"/>
    </xf>
    <xf numFmtId="0" fontId="2" fillId="4" borderId="0" xfId="0" applyFont="1" applyFill="1" applyAlignment="1">
      <alignment horizontal="center" vertical="center" wrapText="1"/>
    </xf>
    <xf numFmtId="9" fontId="2" fillId="0" borderId="0" xfId="1" quotePrefix="1"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0" fillId="0" borderId="0" xfId="1" quotePrefix="1" applyFont="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Alignment="1">
      <alignment horizontal="center" vertical="center" wrapText="1"/>
    </xf>
    <xf numFmtId="0" fontId="31" fillId="0" borderId="0" xfId="0" applyFont="1" applyAlignment="1">
      <alignment horizontal="center" vertical="center" wrapText="1"/>
    </xf>
    <xf numFmtId="0" fontId="26" fillId="4" borderId="0" xfId="0" applyFont="1" applyFill="1" applyAlignment="1">
      <alignment horizontal="center" vertical="center" wrapText="1"/>
    </xf>
    <xf numFmtId="3" fontId="0" fillId="0" borderId="0" xfId="0" quotePrefix="1" applyNumberFormat="1" applyAlignment="1">
      <alignment horizontal="center" vertical="center" wrapText="1"/>
    </xf>
    <xf numFmtId="0" fontId="18" fillId="2" borderId="18" xfId="0" applyFont="1" applyFill="1" applyBorder="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4" fillId="0" borderId="0" xfId="0" applyFont="1" applyAlignment="1">
      <alignment horizontal="left" vertical="center" wrapText="1"/>
    </xf>
    <xf numFmtId="0" fontId="37" fillId="0" borderId="0" xfId="0" applyFont="1" applyAlignment="1">
      <alignment vertical="center" wrapText="1"/>
    </xf>
    <xf numFmtId="0" fontId="38" fillId="0" borderId="0" xfId="0" applyFont="1" applyAlignment="1">
      <alignment horizontal="left" vertical="center" wrapText="1"/>
    </xf>
    <xf numFmtId="0" fontId="36" fillId="0" borderId="0" xfId="0" applyFont="1" applyAlignment="1">
      <alignment vertical="center" wrapText="1"/>
    </xf>
    <xf numFmtId="0" fontId="39" fillId="0" borderId="0" xfId="0" applyFont="1" applyAlignment="1">
      <alignment vertical="center" wrapText="1"/>
    </xf>
    <xf numFmtId="0" fontId="38" fillId="0" borderId="0" xfId="0" applyFont="1" applyAlignment="1">
      <alignment vertical="center" wrapText="1"/>
    </xf>
    <xf numFmtId="0" fontId="36" fillId="0" borderId="0" xfId="0" applyFont="1" applyAlignment="1">
      <alignment wrapText="1"/>
    </xf>
    <xf numFmtId="0" fontId="38" fillId="0" borderId="0" xfId="0" applyFont="1" applyAlignment="1">
      <alignment wrapText="1"/>
    </xf>
    <xf numFmtId="0" fontId="41" fillId="0" borderId="0" xfId="0" applyFont="1" applyAlignment="1">
      <alignment horizontal="center" vertical="center" wrapText="1"/>
    </xf>
    <xf numFmtId="14" fontId="41" fillId="0" borderId="0" xfId="0" applyNumberFormat="1"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18" fillId="2" borderId="16" xfId="0" applyFont="1" applyFill="1" applyBorder="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0" fillId="6" borderId="0" xfId="0" quotePrefix="1" applyFont="1" applyFill="1" applyAlignment="1">
      <alignment horizontal="center" vertical="center" wrapText="1"/>
    </xf>
    <xf numFmtId="0" fontId="3" fillId="6" borderId="0" xfId="0" applyFont="1" applyFill="1" applyAlignment="1">
      <alignment horizontal="center" vertical="center" wrapText="1"/>
    </xf>
    <xf numFmtId="0" fontId="22" fillId="6"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0" fillId="0" borderId="0" xfId="0" applyAlignment="1">
      <alignment horizontal="center"/>
    </xf>
    <xf numFmtId="0" fontId="2" fillId="0" borderId="0" xfId="0" applyFont="1" applyAlignment="1">
      <alignment horizontal="right" vertical="center" wrapText="1"/>
    </xf>
    <xf numFmtId="0" fontId="0" fillId="0" borderId="19" xfId="0" applyBorder="1"/>
    <xf numFmtId="0" fontId="0" fillId="0" borderId="21" xfId="0" applyBorder="1"/>
    <xf numFmtId="0" fontId="9" fillId="0" borderId="0" xfId="0" applyFont="1" applyAlignment="1">
      <alignment horizontal="left" vertical="center"/>
    </xf>
    <xf numFmtId="0" fontId="3" fillId="0" borderId="0" xfId="0" applyFont="1" applyAlignment="1">
      <alignment horizontal="center" vertical="center" wrapText="1"/>
    </xf>
    <xf numFmtId="0" fontId="0" fillId="0" borderId="14" xfId="0" applyBorder="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4" fillId="0" borderId="26" xfId="2" applyBorder="1" applyAlignment="1" applyProtection="1">
      <alignment vertical="center" wrapText="1"/>
      <protection locked="0"/>
    </xf>
    <xf numFmtId="0" fontId="14" fillId="0" borderId="0" xfId="2" applyAlignment="1">
      <alignment vertical="center" wrapText="1"/>
    </xf>
    <xf numFmtId="0" fontId="18" fillId="0" borderId="0" xfId="0" applyFont="1" applyAlignment="1">
      <alignment horizontal="center" vertical="center" wrapText="1"/>
    </xf>
    <xf numFmtId="0" fontId="2" fillId="0" borderId="20" xfId="0" applyFont="1" applyBorder="1" applyAlignment="1">
      <alignment horizontal="center" vertical="center" wrapText="1"/>
    </xf>
    <xf numFmtId="0" fontId="23" fillId="6" borderId="0" xfId="0" applyFont="1" applyFill="1" applyAlignment="1">
      <alignment horizontal="center" vertical="center" wrapText="1"/>
    </xf>
    <xf numFmtId="0" fontId="24" fillId="0" borderId="0" xfId="0" applyFont="1" applyAlignment="1">
      <alignment horizontal="center" vertical="center" wrapText="1"/>
    </xf>
    <xf numFmtId="0" fontId="23" fillId="0" borderId="0" xfId="0" applyFont="1" applyAlignment="1">
      <alignment vertical="center" wrapText="1"/>
    </xf>
    <xf numFmtId="0" fontId="24" fillId="0" borderId="0" xfId="0" applyFont="1" applyAlignment="1">
      <alignment horizontal="right" vertical="center" wrapText="1"/>
    </xf>
    <xf numFmtId="0" fontId="32" fillId="0" borderId="0" xfId="0" applyFont="1" applyAlignment="1">
      <alignment horizontal="center" vertical="center" wrapText="1"/>
    </xf>
    <xf numFmtId="0" fontId="0" fillId="0" borderId="0" xfId="0" quotePrefix="1" applyAlignment="1">
      <alignment horizontal="center"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applyFont="1" applyFill="1" applyAlignment="1">
      <alignment horizontal="center" vertical="center" wrapText="1"/>
    </xf>
    <xf numFmtId="0" fontId="20" fillId="5" borderId="0" xfId="0" applyFont="1" applyFill="1" applyAlignment="1">
      <alignment horizontal="center" vertical="center" wrapText="1"/>
    </xf>
    <xf numFmtId="0" fontId="20" fillId="0" borderId="0" xfId="0" quotePrefix="1" applyFont="1" applyAlignment="1">
      <alignment horizontal="center" vertical="center" wrapText="1"/>
    </xf>
    <xf numFmtId="9" fontId="2" fillId="0" borderId="0" xfId="1" applyFont="1" applyAlignment="1">
      <alignment horizontal="center" vertical="center" wrapText="1"/>
    </xf>
    <xf numFmtId="0" fontId="2" fillId="0" borderId="0" xfId="0" quotePrefix="1" applyFont="1" applyAlignment="1">
      <alignment horizontal="right"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3" fillId="6" borderId="0" xfId="0" quotePrefix="1" applyFont="1" applyFill="1" applyAlignment="1">
      <alignment horizontal="center" vertical="center" wrapText="1"/>
    </xf>
    <xf numFmtId="0" fontId="2" fillId="0" borderId="19" xfId="0" applyFont="1" applyBorder="1" applyAlignment="1">
      <alignment horizontal="center" vertical="center" wrapText="1"/>
    </xf>
    <xf numFmtId="0" fontId="2" fillId="0" borderId="21" xfId="0" applyFont="1" applyBorder="1" applyAlignment="1">
      <alignment horizontal="center" vertical="center" wrapText="1"/>
    </xf>
    <xf numFmtId="0" fontId="14" fillId="0" borderId="21" xfId="2" quotePrefix="1" applyBorder="1" applyAlignment="1">
      <alignment horizontal="center" vertical="center" wrapText="1"/>
    </xf>
    <xf numFmtId="0" fontId="2" fillId="0" borderId="22" xfId="0" applyFont="1" applyBorder="1" applyAlignment="1">
      <alignment horizontal="center" vertical="center" wrapText="1"/>
    </xf>
    <xf numFmtId="3" fontId="2" fillId="0" borderId="0" xfId="0" quotePrefix="1" applyNumberFormat="1" applyFont="1" applyAlignment="1" applyProtection="1">
      <alignment horizontal="center" vertical="center" wrapText="1"/>
      <protection locked="0"/>
    </xf>
    <xf numFmtId="0" fontId="24" fillId="0" borderId="0" xfId="0" applyFont="1" applyAlignment="1" applyProtection="1">
      <alignment horizontal="center" vertical="center" wrapText="1"/>
      <protection locked="0"/>
    </xf>
    <xf numFmtId="1" fontId="2" fillId="0" borderId="0" xfId="0" applyNumberFormat="1" applyFont="1" applyAlignment="1" applyProtection="1">
      <alignment horizontal="center" vertical="center" wrapText="1"/>
      <protection locked="0"/>
    </xf>
    <xf numFmtId="3" fontId="2" fillId="0" borderId="0" xfId="0" applyNumberFormat="1" applyFont="1" applyAlignment="1" applyProtection="1">
      <alignment horizontal="center" vertical="center" wrapText="1"/>
      <protection locked="0"/>
    </xf>
    <xf numFmtId="0" fontId="24" fillId="0" borderId="0" xfId="0" applyFont="1" applyAlignment="1" applyProtection="1">
      <alignment horizontal="right" vertical="center" wrapText="1"/>
      <protection locked="0"/>
    </xf>
    <xf numFmtId="0" fontId="0" fillId="0" borderId="0" xfId="0" applyAlignment="1">
      <alignment horizontal="center" vertical="center" wrapText="1"/>
    </xf>
    <xf numFmtId="0" fontId="23" fillId="0" borderId="0" xfId="0" applyFont="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2" fillId="0" borderId="0" xfId="0" quotePrefix="1" applyFont="1" applyAlignment="1" applyProtection="1">
      <alignment horizontal="center" vertical="center" wrapText="1"/>
      <protection locked="0"/>
    </xf>
    <xf numFmtId="0" fontId="2" fillId="0" borderId="15" xfId="0" applyFont="1" applyBorder="1" applyAlignment="1" applyProtection="1">
      <alignment horizontal="center" vertical="center" wrapText="1"/>
      <protection locked="0"/>
    </xf>
    <xf numFmtId="0" fontId="0" fillId="0" borderId="0" xfId="0" quotePrefix="1" applyAlignment="1" applyProtection="1">
      <alignment horizontal="center" vertical="center" wrapText="1"/>
      <protection locked="0"/>
    </xf>
    <xf numFmtId="9" fontId="24" fillId="0" borderId="0" xfId="1" applyFont="1" applyAlignment="1" applyProtection="1">
      <alignment horizontal="center" vertical="center" wrapText="1"/>
      <protection locked="0"/>
    </xf>
    <xf numFmtId="0" fontId="26" fillId="0" borderId="0" xfId="0" applyFont="1" applyAlignment="1">
      <alignment horizontal="center" vertical="center" wrapText="1"/>
    </xf>
    <xf numFmtId="0" fontId="14" fillId="0" borderId="17" xfId="2" quotePrefix="1" applyBorder="1" applyAlignment="1">
      <alignment horizontal="center" vertical="center" wrapText="1"/>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22" fillId="0" borderId="0" xfId="0" applyFont="1" applyAlignment="1">
      <alignment horizontal="center" vertical="center" wrapText="1"/>
    </xf>
    <xf numFmtId="0" fontId="0" fillId="0" borderId="0" xfId="0" quotePrefix="1" applyAlignment="1">
      <alignment horizontal="center"/>
    </xf>
    <xf numFmtId="3" fontId="2" fillId="0" borderId="0" xfId="0" applyNumberFormat="1" applyFont="1" applyAlignment="1">
      <alignment horizontal="center" vertical="center" wrapText="1"/>
    </xf>
    <xf numFmtId="0" fontId="0" fillId="0" borderId="0" xfId="0" applyAlignment="1" applyProtection="1">
      <alignment horizontal="center" vertical="center" wrapText="1"/>
      <protection locked="0"/>
    </xf>
    <xf numFmtId="0" fontId="20" fillId="6" borderId="0" xfId="0" applyFont="1" applyFill="1" applyAlignment="1">
      <alignment horizontal="center" vertical="center" wrapText="1"/>
    </xf>
    <xf numFmtId="0" fontId="2" fillId="0" borderId="0" xfId="0" applyFont="1" applyAlignment="1">
      <alignment horizontal="left" vertical="center" wrapText="1"/>
    </xf>
    <xf numFmtId="0" fontId="2" fillId="0" borderId="0" xfId="0" quotePrefix="1" applyFont="1" applyAlignment="1">
      <alignment horizontal="center" vertical="center" wrapText="1"/>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0" fillId="0" borderId="0" xfId="0" applyProtection="1">
      <protection locked="0"/>
    </xf>
    <xf numFmtId="0" fontId="17" fillId="0" borderId="0" xfId="0" applyFont="1" applyAlignment="1">
      <alignment horizontal="left" vertical="center" indent="1"/>
    </xf>
    <xf numFmtId="0" fontId="2" fillId="0" borderId="0" xfId="0" applyFont="1" applyAlignment="1">
      <alignment horizontal="center" vertical="center" wrapText="1"/>
    </xf>
    <xf numFmtId="0" fontId="25" fillId="0" borderId="0" xfId="2" quotePrefix="1" applyFont="1" applyAlignment="1">
      <alignment horizontal="center" vertical="center" wrapText="1"/>
    </xf>
    <xf numFmtId="0" fontId="43" fillId="0" borderId="0" xfId="0" applyFont="1" applyAlignment="1">
      <alignment horizontal="center" vertical="center"/>
    </xf>
    <xf numFmtId="0" fontId="0" fillId="0" borderId="0" xfId="0"/>
    <xf numFmtId="0" fontId="6" fillId="0" borderId="0" xfId="2" applyFont="1"/>
    <xf numFmtId="0" fontId="15" fillId="0" borderId="0" xfId="0" applyFont="1" applyAlignment="1">
      <alignment horizontal="left"/>
    </xf>
    <xf numFmtId="0" fontId="14" fillId="0" borderId="0" xfId="2" quotePrefix="1" applyAlignment="1">
      <alignment horizontal="center" vertical="center" wrapText="1"/>
    </xf>
    <xf numFmtId="0" fontId="18" fillId="2" borderId="0" xfId="0" applyFont="1" applyFill="1" applyAlignment="1">
      <alignment horizontal="center" vertical="center" wrapText="1"/>
    </xf>
    <xf numFmtId="0" fontId="2" fillId="0" borderId="0" xfId="0" applyFont="1" applyAlignment="1" applyProtection="1">
      <alignment horizontal="center" vertical="center" wrapText="1"/>
      <protection locked="0"/>
    </xf>
    <xf numFmtId="0" fontId="52" fillId="0" borderId="30" xfId="22" applyAlignment="1">
      <alignment horizontal="center" vertical="center"/>
    </xf>
    <xf numFmtId="0" fontId="47" fillId="0" borderId="30" xfId="12" applyAlignment="1">
      <alignment horizontal="center" vertical="center"/>
    </xf>
    <xf numFmtId="0" fontId="46" fillId="0" borderId="30" xfId="11" applyAlignment="1">
      <alignment horizontal="center" vertical="center"/>
    </xf>
    <xf numFmtId="0" fontId="48" fillId="10" borderId="30" xfId="15" applyAlignment="1">
      <alignment horizontal="center" vertical="center"/>
    </xf>
    <xf numFmtId="3" fontId="47" fillId="0" borderId="30" xfId="14" applyAlignment="1">
      <alignment horizontal="center" vertical="center"/>
    </xf>
    <xf numFmtId="165" fontId="2" fillId="0" borderId="0" xfId="0" applyNumberFormat="1" applyFont="1" applyAlignment="1">
      <alignment horizontal="center" vertical="center" wrapText="1"/>
    </xf>
    <xf numFmtId="168" fontId="47" fillId="0" borderId="30" xfId="13" applyAlignment="1">
      <alignment horizontal="center" vertical="center"/>
    </xf>
    <xf numFmtId="169" fontId="47" fillId="0" borderId="30" xfId="23" applyAlignment="1">
      <alignment horizontal="center" vertical="center"/>
    </xf>
    <xf numFmtId="164" fontId="2" fillId="0" borderId="0" xfId="1" applyNumberFormat="1" applyFont="1" applyAlignment="1">
      <alignment horizontal="center" vertical="center" wrapText="1"/>
    </xf>
    <xf numFmtId="164" fontId="2" fillId="0" borderId="0" xfId="0" quotePrefix="1" applyNumberFormat="1" applyFont="1" applyAlignment="1">
      <alignment horizontal="center" vertical="center" wrapText="1"/>
    </xf>
    <xf numFmtId="164" fontId="2" fillId="0" borderId="0" xfId="1" quotePrefix="1" applyNumberFormat="1" applyFont="1" applyAlignment="1">
      <alignment horizontal="center" vertical="center" wrapText="1"/>
    </xf>
    <xf numFmtId="165" fontId="26" fillId="0" borderId="0" xfId="0" applyNumberFormat="1" applyFont="1" applyAlignment="1">
      <alignment horizontal="center" vertical="center" wrapText="1"/>
    </xf>
    <xf numFmtId="165" fontId="2" fillId="0" borderId="0" xfId="0" quotePrefix="1" applyNumberFormat="1" applyFont="1" applyAlignment="1">
      <alignment horizontal="center" vertical="center" wrapText="1"/>
    </xf>
    <xf numFmtId="4" fontId="47" fillId="0" borderId="30" xfId="21" applyAlignment="1">
      <alignment horizontal="center" vertical="center"/>
    </xf>
    <xf numFmtId="164" fontId="3" fillId="0" borderId="0" xfId="0" quotePrefix="1" applyNumberFormat="1" applyFont="1" applyAlignment="1">
      <alignment horizontal="center" vertical="center" wrapText="1"/>
    </xf>
    <xf numFmtId="164" fontId="3"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166" fontId="23" fillId="0" borderId="0" xfId="0" applyNumberFormat="1" applyFont="1" applyAlignment="1">
      <alignment horizontal="center" vertical="center" wrapText="1"/>
    </xf>
    <xf numFmtId="164" fontId="0" fillId="0" borderId="0" xfId="1" quotePrefix="1" applyNumberFormat="1" applyFont="1" applyAlignment="1">
      <alignment horizontal="center" vertical="center" wrapText="1"/>
    </xf>
    <xf numFmtId="165" fontId="0" fillId="0" borderId="0" xfId="0" applyNumberFormat="1" applyAlignment="1">
      <alignment horizontal="center" vertical="center" wrapText="1"/>
    </xf>
    <xf numFmtId="165" fontId="24" fillId="0" borderId="0" xfId="0" quotePrefix="1" applyNumberFormat="1" applyFont="1" applyAlignment="1">
      <alignment horizontal="right" vertical="center" wrapText="1"/>
    </xf>
    <xf numFmtId="0" fontId="49" fillId="11" borderId="30" xfId="16" applyAlignment="1">
      <alignment horizontal="center" vertical="center"/>
    </xf>
    <xf numFmtId="0" fontId="51" fillId="0" borderId="30" xfId="18" applyAlignment="1">
      <alignment horizontal="center" vertical="center"/>
    </xf>
    <xf numFmtId="164" fontId="2" fillId="0" borderId="0" xfId="0" applyNumberFormat="1" applyFont="1" applyAlignment="1">
      <alignment horizontal="center" vertical="center" wrapText="1"/>
    </xf>
    <xf numFmtId="164" fontId="32" fillId="0" borderId="0" xfId="1" applyNumberFormat="1" applyFont="1" applyAlignment="1">
      <alignment horizontal="center" vertical="center" wrapText="1"/>
    </xf>
    <xf numFmtId="164" fontId="0" fillId="0" borderId="0" xfId="1" applyNumberFormat="1" applyFont="1" applyAlignment="1">
      <alignment horizontal="center" vertical="center" wrapText="1"/>
    </xf>
    <xf numFmtId="164" fontId="2" fillId="0" borderId="0" xfId="1" applyNumberFormat="1" applyFont="1" applyAlignment="1" applyProtection="1">
      <alignment horizontal="center" vertical="center" wrapText="1"/>
      <protection locked="0"/>
    </xf>
    <xf numFmtId="164" fontId="26" fillId="0" borderId="0" xfId="1" applyNumberFormat="1" applyFont="1" applyAlignment="1">
      <alignment horizontal="center" vertical="center" wrapText="1"/>
    </xf>
    <xf numFmtId="165" fontId="2" fillId="0" borderId="0" xfId="0" applyNumberFormat="1" applyFont="1" applyAlignment="1" applyProtection="1">
      <alignment horizontal="center" vertical="center" wrapText="1"/>
      <protection locked="0"/>
    </xf>
    <xf numFmtId="164" fontId="20" fillId="6" borderId="0" xfId="1" applyNumberFormat="1" applyFont="1" applyFill="1" applyAlignment="1">
      <alignment horizontal="center" vertical="center" wrapText="1"/>
    </xf>
    <xf numFmtId="164" fontId="23" fillId="6" borderId="0" xfId="1" applyNumberFormat="1" applyFont="1" applyFill="1" applyAlignment="1">
      <alignment horizontal="center" vertical="center" wrapText="1"/>
    </xf>
    <xf numFmtId="165" fontId="2" fillId="0" borderId="0" xfId="0" quotePrefix="1" applyNumberFormat="1" applyFont="1" applyAlignment="1" applyProtection="1">
      <alignment horizontal="center" vertical="center" wrapText="1"/>
      <protection locked="0"/>
    </xf>
    <xf numFmtId="165" fontId="26" fillId="0" borderId="0" xfId="0" applyNumberFormat="1" applyFont="1" applyAlignment="1" applyProtection="1">
      <alignment horizontal="center" vertical="center" wrapText="1"/>
      <protection locked="0"/>
    </xf>
    <xf numFmtId="164" fontId="26" fillId="0" borderId="0" xfId="1" applyNumberFormat="1" applyFont="1" applyAlignment="1" applyProtection="1">
      <alignment horizontal="center" vertical="center" wrapText="1"/>
      <protection locked="0"/>
    </xf>
    <xf numFmtId="164" fontId="0" fillId="0" borderId="0" xfId="0" applyNumberFormat="1" applyAlignment="1">
      <alignment horizontal="center" vertical="center" wrapText="1"/>
    </xf>
    <xf numFmtId="0" fontId="49" fillId="13" borderId="30" xfId="19" applyAlignment="1">
      <alignment horizontal="center" vertical="center"/>
    </xf>
    <xf numFmtId="0" fontId="51" fillId="0" borderId="30" xfId="20" applyAlignment="1">
      <alignment horizontal="right" vertical="center"/>
    </xf>
    <xf numFmtId="0" fontId="46" fillId="0" borderId="30" xfId="11">
      <alignment horizontal="center" vertical="center"/>
    </xf>
    <xf numFmtId="0" fontId="2" fillId="14" borderId="0" xfId="0" applyFont="1" applyFill="1"/>
    <xf numFmtId="0" fontId="23" fillId="14" borderId="0" xfId="0" applyFont="1" applyFill="1"/>
    <xf numFmtId="0" fontId="53" fillId="14" borderId="0" xfId="0" applyFont="1" applyFill="1" applyAlignment="1">
      <alignment vertical="top"/>
    </xf>
    <xf numFmtId="0" fontId="2" fillId="15" borderId="0" xfId="0" applyFont="1" applyFill="1"/>
    <xf numFmtId="0" fontId="35" fillId="14" borderId="0" xfId="0" applyFont="1" applyFill="1"/>
    <xf numFmtId="0" fontId="2" fillId="15" borderId="31" xfId="0" applyFont="1" applyFill="1" applyBorder="1"/>
    <xf numFmtId="0" fontId="2" fillId="15" borderId="34" xfId="0" applyFont="1" applyFill="1" applyBorder="1"/>
    <xf numFmtId="0" fontId="2" fillId="15" borderId="35" xfId="0" applyFont="1" applyFill="1" applyBorder="1"/>
    <xf numFmtId="0" fontId="2" fillId="15" borderId="36" xfId="0" applyFont="1" applyFill="1" applyBorder="1"/>
    <xf numFmtId="0" fontId="23" fillId="14" borderId="34" xfId="0" applyFont="1" applyFill="1" applyBorder="1"/>
    <xf numFmtId="0" fontId="23" fillId="14" borderId="34" xfId="0" applyFont="1" applyFill="1" applyBorder="1" applyAlignment="1">
      <alignment wrapText="1"/>
    </xf>
    <xf numFmtId="0" fontId="2" fillId="14" borderId="34" xfId="0" applyFont="1" applyFill="1" applyBorder="1"/>
    <xf numFmtId="3" fontId="2" fillId="15" borderId="34" xfId="0" applyNumberFormat="1" applyFont="1" applyFill="1" applyBorder="1"/>
    <xf numFmtId="170" fontId="2" fillId="15" borderId="34" xfId="0" applyNumberFormat="1" applyFont="1" applyFill="1" applyBorder="1"/>
    <xf numFmtId="0" fontId="23" fillId="15" borderId="34" xfId="0" applyFont="1" applyFill="1" applyBorder="1"/>
    <xf numFmtId="3" fontId="23" fillId="15" borderId="34" xfId="0" applyNumberFormat="1" applyFont="1" applyFill="1" applyBorder="1"/>
    <xf numFmtId="0" fontId="23" fillId="14" borderId="34" xfId="0" applyFont="1" applyFill="1" applyBorder="1" applyAlignment="1">
      <alignment horizontal="right" wrapText="1"/>
    </xf>
    <xf numFmtId="0" fontId="2" fillId="15" borderId="34" xfId="0" applyFont="1" applyFill="1" applyBorder="1" applyAlignment="1">
      <alignment wrapText="1"/>
    </xf>
    <xf numFmtId="9" fontId="2" fillId="15" borderId="34" xfId="1" applyFont="1" applyFill="1" applyBorder="1"/>
    <xf numFmtId="0" fontId="2" fillId="15" borderId="37" xfId="0" applyFont="1" applyFill="1" applyBorder="1"/>
    <xf numFmtId="0" fontId="2" fillId="15" borderId="39" xfId="0" applyFont="1" applyFill="1" applyBorder="1"/>
    <xf numFmtId="0" fontId="23" fillId="15" borderId="34" xfId="0" applyFont="1" applyFill="1" applyBorder="1" applyAlignment="1">
      <alignment wrapText="1"/>
    </xf>
    <xf numFmtId="3" fontId="23" fillId="15" borderId="34" xfId="24" applyFill="1"/>
    <xf numFmtId="9" fontId="23" fillId="15" borderId="34" xfId="1" applyFont="1" applyFill="1" applyBorder="1"/>
    <xf numFmtId="0" fontId="2" fillId="15" borderId="40" xfId="0" applyFont="1" applyFill="1" applyBorder="1"/>
    <xf numFmtId="0" fontId="23" fillId="15" borderId="37" xfId="0" applyFont="1" applyFill="1" applyBorder="1"/>
    <xf numFmtId="0" fontId="23" fillId="15" borderId="38" xfId="0" applyFont="1" applyFill="1" applyBorder="1"/>
    <xf numFmtId="3" fontId="2" fillId="15" borderId="40" xfId="0" applyNumberFormat="1" applyFont="1" applyFill="1" applyBorder="1"/>
    <xf numFmtId="171" fontId="2" fillId="15" borderId="34" xfId="0" applyNumberFormat="1" applyFont="1" applyFill="1" applyBorder="1"/>
    <xf numFmtId="0" fontId="23" fillId="15" borderId="0" xfId="0" applyFont="1" applyFill="1" applyAlignment="1">
      <alignment wrapText="1"/>
    </xf>
    <xf numFmtId="3" fontId="2" fillId="15" borderId="0" xfId="0" applyNumberFormat="1" applyFont="1" applyFill="1"/>
    <xf numFmtId="9" fontId="23" fillId="14" borderId="34" xfId="0" applyNumberFormat="1" applyFont="1" applyFill="1" applyBorder="1" applyAlignment="1">
      <alignment horizontal="right"/>
    </xf>
    <xf numFmtId="9" fontId="2" fillId="15" borderId="30" xfId="1" applyFont="1" applyFill="1" applyBorder="1"/>
    <xf numFmtId="9" fontId="23" fillId="15" borderId="30" xfId="1" applyFont="1" applyFill="1" applyBorder="1"/>
    <xf numFmtId="0" fontId="23" fillId="14" borderId="34" xfId="0" applyFont="1" applyFill="1" applyBorder="1" applyAlignment="1">
      <alignment horizontal="right"/>
    </xf>
    <xf numFmtId="9" fontId="2" fillId="15" borderId="34" xfId="1" applyFont="1" applyFill="1" applyBorder="1" applyAlignment="1">
      <alignment horizontal="right"/>
    </xf>
    <xf numFmtId="9" fontId="23" fillId="15" borderId="34" xfId="1" applyFont="1" applyFill="1" applyBorder="1" applyAlignment="1">
      <alignment horizontal="right"/>
    </xf>
    <xf numFmtId="10" fontId="2" fillId="15" borderId="34" xfId="1" applyNumberFormat="1" applyFont="1" applyFill="1" applyBorder="1"/>
    <xf numFmtId="0" fontId="56" fillId="15" borderId="0" xfId="0" applyFont="1" applyFill="1"/>
    <xf numFmtId="3" fontId="23" fillId="15" borderId="30" xfId="24" applyFill="1" applyBorder="1"/>
    <xf numFmtId="0" fontId="2" fillId="15" borderId="30" xfId="0" applyFont="1" applyFill="1" applyBorder="1"/>
    <xf numFmtId="0" fontId="57" fillId="14" borderId="0" xfId="0" applyFont="1" applyFill="1"/>
    <xf numFmtId="0" fontId="2" fillId="14" borderId="34" xfId="0" applyFont="1" applyFill="1" applyBorder="1" applyAlignment="1">
      <alignment horizontal="right" wrapText="1"/>
    </xf>
    <xf numFmtId="10" fontId="23" fillId="14" borderId="34" xfId="1" applyNumberFormat="1" applyFont="1" applyFill="1" applyBorder="1" applyAlignment="1">
      <alignment horizontal="right" wrapText="1"/>
    </xf>
    <xf numFmtId="0" fontId="2" fillId="15" borderId="34" xfId="0" applyFont="1" applyFill="1" applyBorder="1" applyAlignment="1">
      <alignment horizontal="right"/>
    </xf>
    <xf numFmtId="14" fontId="2" fillId="15" borderId="34" xfId="0" applyNumberFormat="1" applyFont="1" applyFill="1" applyBorder="1"/>
    <xf numFmtId="10" fontId="2" fillId="15" borderId="34" xfId="0" applyNumberFormat="1" applyFont="1" applyFill="1" applyBorder="1"/>
    <xf numFmtId="4" fontId="2" fillId="15" borderId="34" xfId="0" applyNumberFormat="1" applyFont="1" applyFill="1" applyBorder="1" applyAlignment="1">
      <alignment horizontal="right"/>
    </xf>
    <xf numFmtId="3" fontId="2" fillId="16" borderId="34" xfId="0" applyNumberFormat="1" applyFont="1" applyFill="1" applyBorder="1"/>
    <xf numFmtId="0" fontId="2" fillId="16" borderId="34" xfId="0" applyFont="1" applyFill="1" applyBorder="1"/>
    <xf numFmtId="4" fontId="2" fillId="16" borderId="34" xfId="0" applyNumberFormat="1" applyFont="1" applyFill="1" applyBorder="1"/>
    <xf numFmtId="0" fontId="2" fillId="15" borderId="0" xfId="0" applyFont="1" applyFill="1" applyAlignment="1">
      <alignment wrapText="1"/>
    </xf>
    <xf numFmtId="0" fontId="2" fillId="15" borderId="0" xfId="0" applyFont="1" applyFill="1" applyAlignment="1">
      <alignment horizontal="right" wrapText="1"/>
    </xf>
    <xf numFmtId="10" fontId="2" fillId="15" borderId="30" xfId="1" applyNumberFormat="1" applyFont="1" applyFill="1" applyBorder="1"/>
    <xf numFmtId="4" fontId="2" fillId="15" borderId="0" xfId="0" applyNumberFormat="1" applyFont="1" applyFill="1"/>
    <xf numFmtId="0" fontId="2" fillId="15" borderId="0" xfId="0" applyFont="1" applyFill="1" applyAlignment="1">
      <alignment horizontal="right"/>
    </xf>
    <xf numFmtId="0" fontId="59" fillId="14" borderId="34" xfId="0" applyFont="1" applyFill="1" applyBorder="1" applyAlignment="1">
      <alignment wrapText="1"/>
    </xf>
    <xf numFmtId="0" fontId="2" fillId="15" borderId="34" xfId="0" applyFont="1" applyFill="1" applyBorder="1" applyAlignment="1">
      <alignment horizontal="left" vertical="center" wrapText="1"/>
    </xf>
    <xf numFmtId="0" fontId="2" fillId="15" borderId="34" xfId="0" applyFont="1" applyFill="1" applyBorder="1" applyAlignment="1">
      <alignment vertical="center" wrapText="1"/>
    </xf>
    <xf numFmtId="0" fontId="23" fillId="14" borderId="37" xfId="0" applyFont="1" applyFill="1" applyBorder="1" applyAlignment="1">
      <alignment wrapText="1"/>
    </xf>
    <xf numFmtId="0" fontId="23" fillId="14" borderId="41" xfId="0" applyFont="1" applyFill="1" applyBorder="1" applyAlignment="1">
      <alignment horizontal="right" wrapText="1"/>
    </xf>
    <xf numFmtId="3" fontId="2" fillId="15" borderId="41" xfId="0" applyNumberFormat="1" applyFont="1" applyFill="1" applyBorder="1"/>
    <xf numFmtId="3" fontId="2" fillId="15" borderId="34" xfId="1" applyNumberFormat="1" applyFont="1" applyFill="1" applyBorder="1"/>
    <xf numFmtId="0" fontId="0" fillId="0" borderId="42" xfId="0" applyBorder="1"/>
    <xf numFmtId="3" fontId="0" fillId="0" borderId="43" xfId="0" applyNumberFormat="1" applyBorder="1"/>
    <xf numFmtId="3" fontId="2" fillId="15" borderId="44" xfId="1" applyNumberFormat="1" applyFont="1" applyFill="1" applyBorder="1"/>
    <xf numFmtId="0" fontId="0" fillId="0" borderId="45" xfId="0" applyBorder="1"/>
    <xf numFmtId="3" fontId="0" fillId="0" borderId="46" xfId="0" applyNumberFormat="1" applyBorder="1"/>
    <xf numFmtId="3" fontId="2" fillId="15" borderId="47" xfId="1" applyNumberFormat="1" applyFont="1" applyFill="1" applyBorder="1"/>
    <xf numFmtId="3" fontId="55" fillId="0" borderId="46" xfId="0" applyNumberFormat="1" applyFont="1" applyBorder="1"/>
    <xf numFmtId="3" fontId="55" fillId="0" borderId="45" xfId="0" applyNumberFormat="1" applyFont="1" applyBorder="1"/>
    <xf numFmtId="3" fontId="55" fillId="0" borderId="48" xfId="0" applyNumberFormat="1" applyFont="1" applyBorder="1"/>
    <xf numFmtId="3" fontId="55" fillId="0" borderId="49" xfId="0" applyNumberFormat="1" applyFont="1" applyBorder="1"/>
    <xf numFmtId="0" fontId="2" fillId="15" borderId="50" xfId="0" applyFont="1" applyFill="1" applyBorder="1"/>
    <xf numFmtId="3" fontId="55" fillId="0" borderId="43" xfId="0" applyNumberFormat="1" applyFont="1" applyBorder="1"/>
    <xf numFmtId="3" fontId="55" fillId="0" borderId="42" xfId="0" applyNumberFormat="1" applyFont="1" applyBorder="1"/>
    <xf numFmtId="0" fontId="14" fillId="0" borderId="30" xfId="2" applyBorder="1" applyAlignment="1">
      <alignment horizontal="center" vertical="center" wrapText="1"/>
    </xf>
    <xf numFmtId="171" fontId="47" fillId="0" borderId="30" xfId="12" applyNumberFormat="1" applyAlignment="1">
      <alignment horizontal="center" vertical="center"/>
    </xf>
    <xf numFmtId="0" fontId="43" fillId="0" borderId="0" xfId="0" applyFont="1" applyAlignment="1">
      <alignment horizontal="center" vertical="center"/>
    </xf>
    <xf numFmtId="0" fontId="0" fillId="0" borderId="0" xfId="0"/>
    <xf numFmtId="0" fontId="45" fillId="9" borderId="30" xfId="10" applyAlignment="1">
      <alignment horizontal="center" vertical="center"/>
    </xf>
    <xf numFmtId="0" fontId="45" fillId="8" borderId="30" xfId="9" applyAlignment="1">
      <alignment horizontal="center" vertical="center"/>
    </xf>
    <xf numFmtId="0" fontId="0" fillId="0" borderId="0" xfId="0" applyAlignment="1">
      <alignment horizontal="left" wrapText="1"/>
    </xf>
    <xf numFmtId="0" fontId="17" fillId="0" borderId="0" xfId="0" applyFont="1" applyAlignment="1">
      <alignment horizontal="left" vertical="center" wrapText="1" indent="1"/>
    </xf>
    <xf numFmtId="0" fontId="44" fillId="0" borderId="0" xfId="0" applyFont="1" applyAlignment="1">
      <alignment horizontal="left" wrapText="1"/>
    </xf>
    <xf numFmtId="0" fontId="9"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2" fillId="15" borderId="37" xfId="0" applyFont="1" applyFill="1" applyBorder="1" applyAlignment="1">
      <alignment horizontal="left" wrapText="1"/>
    </xf>
    <xf numFmtId="0" fontId="2" fillId="15" borderId="38" xfId="0" applyFont="1" applyFill="1" applyBorder="1" applyAlignment="1">
      <alignment horizontal="left" wrapText="1"/>
    </xf>
    <xf numFmtId="0" fontId="2" fillId="15" borderId="39" xfId="0" applyFont="1" applyFill="1" applyBorder="1" applyAlignment="1">
      <alignment horizontal="left" wrapText="1"/>
    </xf>
    <xf numFmtId="0" fontId="54" fillId="15" borderId="31" xfId="0" applyFont="1" applyFill="1" applyBorder="1"/>
    <xf numFmtId="0" fontId="55" fillId="0" borderId="32" xfId="0" applyFont="1" applyBorder="1"/>
    <xf numFmtId="0" fontId="55" fillId="0" borderId="33" xfId="0" applyFont="1" applyBorder="1"/>
    <xf numFmtId="0" fontId="2" fillId="15" borderId="32" xfId="0" applyFont="1" applyFill="1" applyBorder="1" applyAlignment="1">
      <alignment horizontal="center" vertical="center"/>
    </xf>
    <xf numFmtId="0" fontId="2" fillId="15" borderId="0" xfId="0" applyFont="1" applyFill="1" applyAlignment="1">
      <alignment horizontal="center" vertical="center"/>
    </xf>
    <xf numFmtId="0" fontId="54" fillId="15" borderId="37" xfId="0" applyFont="1" applyFill="1" applyBorder="1"/>
    <xf numFmtId="0" fontId="55" fillId="0" borderId="38" xfId="0" applyFont="1" applyBorder="1"/>
    <xf numFmtId="0" fontId="55" fillId="0" borderId="39" xfId="0" applyFont="1" applyBorder="1"/>
    <xf numFmtId="14" fontId="2" fillId="15" borderId="37" xfId="0" applyNumberFormat="1" applyFont="1" applyFill="1" applyBorder="1" applyAlignment="1">
      <alignment horizontal="center"/>
    </xf>
    <xf numFmtId="14" fontId="2" fillId="15" borderId="39" xfId="0" applyNumberFormat="1" applyFont="1" applyFill="1" applyBorder="1" applyAlignment="1">
      <alignment horizontal="center"/>
    </xf>
    <xf numFmtId="0" fontId="42" fillId="0" borderId="0" xfId="0" applyFont="1" applyAlignment="1">
      <alignment horizontal="left" vertical="center" wrapText="1"/>
    </xf>
    <xf numFmtId="0" fontId="2" fillId="0" borderId="0" xfId="0" applyFont="1" applyAlignment="1">
      <alignment horizontal="center" vertical="center" wrapText="1"/>
    </xf>
    <xf numFmtId="0" fontId="18" fillId="2" borderId="0" xfId="0" applyFont="1" applyFill="1" applyAlignment="1">
      <alignment horizontal="center" vertical="center" wrapText="1"/>
    </xf>
    <xf numFmtId="0" fontId="18" fillId="2" borderId="20" xfId="0" applyFont="1" applyFill="1" applyBorder="1" applyAlignment="1">
      <alignment horizontal="center" vertical="center" wrapText="1"/>
    </xf>
    <xf numFmtId="0" fontId="0" fillId="0" borderId="22" xfId="0" applyBorder="1"/>
    <xf numFmtId="0" fontId="46" fillId="0" borderId="30" xfId="11" applyAlignment="1">
      <alignment horizontal="center" vertical="center"/>
    </xf>
    <xf numFmtId="0" fontId="0" fillId="0" borderId="23" xfId="0" applyBorder="1"/>
    <xf numFmtId="0" fontId="2" fillId="0" borderId="27" xfId="0" applyFont="1" applyBorder="1" applyAlignment="1">
      <alignment horizontal="left" vertical="center" wrapText="1"/>
    </xf>
    <xf numFmtId="0" fontId="0" fillId="0" borderId="28" xfId="0" applyBorder="1"/>
    <xf numFmtId="0" fontId="2" fillId="0" borderId="29" xfId="0" applyFont="1" applyBorder="1" applyAlignment="1" applyProtection="1">
      <alignment horizontal="center" vertical="center" wrapText="1"/>
      <protection locked="0"/>
    </xf>
    <xf numFmtId="0" fontId="0" fillId="0" borderId="29" xfId="0" applyBorder="1" applyProtection="1">
      <protection locked="0"/>
    </xf>
    <xf numFmtId="0" fontId="18" fillId="2" borderId="0" xfId="0" applyFont="1" applyFill="1" applyAlignment="1">
      <alignment horizontal="left" vertical="center" wrapText="1"/>
    </xf>
    <xf numFmtId="0" fontId="48" fillId="10" borderId="30" xfId="15" applyAlignment="1">
      <alignment horizontal="center" vertical="center"/>
    </xf>
    <xf numFmtId="0" fontId="3" fillId="0" borderId="25" xfId="0" applyFont="1" applyBorder="1" applyAlignment="1">
      <alignment horizontal="left" vertical="center" wrapText="1"/>
    </xf>
    <xf numFmtId="0" fontId="0" fillId="0" borderId="24" xfId="0" applyBorder="1"/>
    <xf numFmtId="0" fontId="0" fillId="0" borderId="22" xfId="0" applyBorder="1" applyProtection="1">
      <protection locked="0"/>
    </xf>
    <xf numFmtId="0" fontId="2" fillId="0" borderId="20" xfId="0" applyFont="1" applyBorder="1" applyAlignment="1" applyProtection="1">
      <alignment horizontal="center" vertical="center" wrapText="1"/>
      <protection locked="0"/>
    </xf>
    <xf numFmtId="0" fontId="0" fillId="0" borderId="0" xfId="0" applyProtection="1">
      <protection locked="0"/>
    </xf>
    <xf numFmtId="0" fontId="0" fillId="0" borderId="19" xfId="0" applyBorder="1" applyProtection="1">
      <protection locked="0"/>
    </xf>
    <xf numFmtId="0" fontId="14" fillId="0" borderId="0" xfId="2" quotePrefix="1" applyAlignment="1">
      <alignment horizontal="center"/>
    </xf>
    <xf numFmtId="0" fontId="14" fillId="0" borderId="23" xfId="2" quotePrefix="1" applyBorder="1" applyAlignment="1">
      <alignment horizontal="center" vertical="center" wrapText="1"/>
    </xf>
  </cellXfs>
  <cellStyles count="25">
    <cellStyle name="ASCB - Summa" xfId="24" xr:uid="{D064C476-8498-4B48-9289-C999B07FB7CC}"/>
    <cellStyle name="bold_format" xfId="19" xr:uid="{00000000-0005-0000-0000-000014000000}"/>
    <cellStyle name="Comma 2" xfId="3" xr:uid="{00000000-0005-0000-0000-000003000000}"/>
    <cellStyle name="dec_format" xfId="21" xr:uid="{00000000-0005-0000-0000-000016000000}"/>
    <cellStyle name="format" xfId="12" xr:uid="{00000000-0005-0000-0000-00000C000000}"/>
    <cellStyle name="green_format" xfId="17" xr:uid="{00000000-0005-0000-0000-000011000000}"/>
    <cellStyle name="Hyperlink" xfId="2" builtinId="8"/>
    <cellStyle name="intro_format" xfId="22" xr:uid="{00000000-0005-0000-0000-000017000000}"/>
    <cellStyle name="italic_format" xfId="18" xr:uid="{00000000-0005-0000-0000-000012000000}"/>
    <cellStyle name="Normal" xfId="0" builtinId="0"/>
    <cellStyle name="Normal 2" xfId="4" xr:uid="{00000000-0005-0000-0000-000004000000}"/>
    <cellStyle name="Normal 3" xfId="5" xr:uid="{00000000-0005-0000-0000-000005000000}"/>
    <cellStyle name="Normal 4" xfId="6" xr:uid="{00000000-0005-0000-0000-000006000000}"/>
    <cellStyle name="Normal 7" xfId="7" xr:uid="{00000000-0005-0000-0000-000007000000}"/>
    <cellStyle name="num_format" xfId="14" xr:uid="{00000000-0005-0000-0000-00000E000000}"/>
    <cellStyle name="Percent" xfId="1" builtinId="5"/>
    <cellStyle name="percent_format" xfId="13" xr:uid="{00000000-0005-0000-0000-00000D000000}"/>
    <cellStyle name="percent_format2" xfId="23" xr:uid="{00000000-0005-0000-0000-000018000000}"/>
    <cellStyle name="right_format" xfId="20" xr:uid="{00000000-0005-0000-0000-000015000000}"/>
    <cellStyle name="rubrik1_format" xfId="15" xr:uid="{00000000-0005-0000-0000-00000F000000}"/>
    <cellStyle name="rubrik2_format" xfId="16" xr:uid="{00000000-0005-0000-0000-000010000000}"/>
    <cellStyle name="Standard 3" xfId="8" xr:uid="{00000000-0005-0000-0000-000008000000}"/>
    <cellStyle name="url_2_format" xfId="11" xr:uid="{00000000-0005-0000-0000-00000B000000}"/>
    <cellStyle name="url_format" xfId="9" xr:uid="{00000000-0005-0000-0000-000009000000}"/>
    <cellStyle name="url_ub_format" xfId="10" xr:uid="{00000000-0005-0000-0000-00000A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4.png"/></Relationships>
</file>

<file path=xl/drawings/_rels/drawing4.xml.rels><?xml version="1.0" encoding="UTF-8" standalone="yes"?>
<Relationships xmlns="http://schemas.openxmlformats.org/package/2006/relationships"><Relationship Id="rId1" Type="http://schemas.openxmlformats.org/officeDocument/2006/relationships/image" Target="../media/image4.png"/></Relationships>
</file>

<file path=xl/drawings/_rels/drawing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pn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a:ln>
          <a:prstDash val="soli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rotWithShape="1">
        <a:blip xmlns:r="http://schemas.openxmlformats.org/officeDocument/2006/relationships" r:embed="rId1"/>
        <a:srcRect l="-65" t="67570" r="71994" b="-401"/>
        <a:stretch>
          <a:fillRect/>
        </a:stretch>
      </xdr:blipFill>
      <xdr:spPr>
        <a:xfrm>
          <a:off x="1628772" y="7654020"/>
          <a:ext cx="2768903" cy="1782653"/>
        </a:xfrm>
        <a:prstGeom prst="rect">
          <a:avLst/>
        </a:prstGeom>
        <a:ln>
          <a:prstDash val="solid"/>
        </a:ln>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rotWithShape="1">
        <a:blip xmlns:r="http://schemas.openxmlformats.org/officeDocument/2006/relationships" r:embed="rId2"/>
        <a:srcRect l="2828" t="2494" r="4887"/>
        <a:stretch>
          <a:fillRect/>
        </a:stretch>
      </xdr:blipFill>
      <xdr:spPr>
        <a:xfrm>
          <a:off x="10030883" y="7815795"/>
          <a:ext cx="2904067" cy="2891829"/>
        </a:xfrm>
        <a:prstGeom prst="rect">
          <a:avLst/>
        </a:prstGeom>
        <a:ln>
          <a:prstDash val="soli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6</xdr:col>
      <xdr:colOff>1345406</xdr:colOff>
      <xdr:row>0</xdr:row>
      <xdr:rowOff>35718</xdr:rowOff>
    </xdr:from>
    <xdr:to>
      <xdr:col>6</xdr:col>
      <xdr:colOff>2747608</xdr:colOff>
      <xdr:row>5</xdr:row>
      <xdr:rowOff>121849</xdr:rowOff>
    </xdr:to>
    <xdr:pic>
      <xdr:nvPicPr>
        <xdr:cNvPr id="3" name="Picture 2">
          <a:extLst>
            <a:ext uri="{FF2B5EF4-FFF2-40B4-BE49-F238E27FC236}">
              <a16:creationId xmlns:a16="http://schemas.microsoft.com/office/drawing/2014/main" id="{1F8FC319-05EC-5CBF-85C7-918714122688}"/>
            </a:ext>
          </a:extLst>
        </xdr:cNvPr>
        <xdr:cNvPicPr>
          <a:picLocks noChangeAspect="1"/>
        </xdr:cNvPicPr>
      </xdr:nvPicPr>
      <xdr:blipFill>
        <a:blip xmlns:r="http://schemas.openxmlformats.org/officeDocument/2006/relationships" r:embed="rId1"/>
        <a:stretch>
          <a:fillRect/>
        </a:stretch>
      </xdr:blipFill>
      <xdr:spPr>
        <a:xfrm>
          <a:off x="14466094" y="35718"/>
          <a:ext cx="1402202" cy="1383912"/>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6</xdr:col>
      <xdr:colOff>1333488</xdr:colOff>
      <xdr:row>0</xdr:row>
      <xdr:rowOff>47624</xdr:rowOff>
    </xdr:from>
    <xdr:to>
      <xdr:col>6</xdr:col>
      <xdr:colOff>2735690</xdr:colOff>
      <xdr:row>5</xdr:row>
      <xdr:rowOff>133755</xdr:rowOff>
    </xdr:to>
    <xdr:pic>
      <xdr:nvPicPr>
        <xdr:cNvPr id="2" name="Picture 1">
          <a:extLst>
            <a:ext uri="{FF2B5EF4-FFF2-40B4-BE49-F238E27FC236}">
              <a16:creationId xmlns:a16="http://schemas.microsoft.com/office/drawing/2014/main" id="{3E6C1BD5-A589-24B9-9463-545D3DDF6E80}"/>
            </a:ext>
          </a:extLst>
        </xdr:cNvPr>
        <xdr:cNvPicPr>
          <a:picLocks noChangeAspect="1"/>
        </xdr:cNvPicPr>
      </xdr:nvPicPr>
      <xdr:blipFill>
        <a:blip xmlns:r="http://schemas.openxmlformats.org/officeDocument/2006/relationships" r:embed="rId1"/>
        <a:stretch>
          <a:fillRect/>
        </a:stretch>
      </xdr:blipFill>
      <xdr:spPr>
        <a:xfrm>
          <a:off x="15013769" y="47624"/>
          <a:ext cx="1402202" cy="1383912"/>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1</xdr:col>
      <xdr:colOff>495300</xdr:colOff>
      <xdr:row>1</xdr:row>
      <xdr:rowOff>47626</xdr:rowOff>
    </xdr:from>
    <xdr:to>
      <xdr:col>12</xdr:col>
      <xdr:colOff>504826</xdr:colOff>
      <xdr:row>1</xdr:row>
      <xdr:rowOff>762000</xdr:rowOff>
    </xdr:to>
    <xdr:pic>
      <xdr:nvPicPr>
        <xdr:cNvPr id="2" name="Picture 8">
          <a:extLst>
            <a:ext uri="{FF2B5EF4-FFF2-40B4-BE49-F238E27FC236}">
              <a16:creationId xmlns:a16="http://schemas.microsoft.com/office/drawing/2014/main" id="{21F7F831-128C-4883-93A1-CB444B967A6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925050" y="404814"/>
          <a:ext cx="783432" cy="7143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0</xdr:colOff>
      <xdr:row>46</xdr:row>
      <xdr:rowOff>11429</xdr:rowOff>
    </xdr:from>
    <xdr:to>
      <xdr:col>6</xdr:col>
      <xdr:colOff>289488</xdr:colOff>
      <xdr:row>47</xdr:row>
      <xdr:rowOff>40163</xdr:rowOff>
    </xdr:to>
    <xdr:sp macro="" textlink="">
      <xdr:nvSpPr>
        <xdr:cNvPr id="3" name="textruta 5">
          <a:extLst>
            <a:ext uri="{FF2B5EF4-FFF2-40B4-BE49-F238E27FC236}">
              <a16:creationId xmlns:a16="http://schemas.microsoft.com/office/drawing/2014/main" id="{6F622640-04FF-4308-B4AF-724CB4A355B2}"/>
            </a:ext>
          </a:extLst>
        </xdr:cNvPr>
        <xdr:cNvSpPr txBox="1"/>
      </xdr:nvSpPr>
      <xdr:spPr>
        <a:xfrm>
          <a:off x="1219200" y="10965179"/>
          <a:ext cx="4537638" cy="21923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2</xdr:row>
      <xdr:rowOff>76201</xdr:rowOff>
    </xdr:from>
    <xdr:to>
      <xdr:col>12</xdr:col>
      <xdr:colOff>457157</xdr:colOff>
      <xdr:row>129</xdr:row>
      <xdr:rowOff>159941</xdr:rowOff>
    </xdr:to>
    <xdr:sp macro="" textlink="">
      <xdr:nvSpPr>
        <xdr:cNvPr id="4" name="textruta 7">
          <a:extLst>
            <a:ext uri="{FF2B5EF4-FFF2-40B4-BE49-F238E27FC236}">
              <a16:creationId xmlns:a16="http://schemas.microsoft.com/office/drawing/2014/main" id="{128E2A84-E23B-408B-84FE-9EF3A691B868}"/>
            </a:ext>
          </a:extLst>
        </xdr:cNvPr>
        <xdr:cNvSpPr txBox="1"/>
      </xdr:nvSpPr>
      <xdr:spPr>
        <a:xfrm>
          <a:off x="1219200" y="26974801"/>
          <a:ext cx="9439232" cy="1417240"/>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6</xdr:row>
      <xdr:rowOff>76200</xdr:rowOff>
    </xdr:from>
    <xdr:to>
      <xdr:col>12</xdr:col>
      <xdr:colOff>436213</xdr:colOff>
      <xdr:row>144</xdr:row>
      <xdr:rowOff>47697</xdr:rowOff>
    </xdr:to>
    <xdr:sp macro="" textlink="">
      <xdr:nvSpPr>
        <xdr:cNvPr id="5" name="textruta 10">
          <a:extLst>
            <a:ext uri="{FF2B5EF4-FFF2-40B4-BE49-F238E27FC236}">
              <a16:creationId xmlns:a16="http://schemas.microsoft.com/office/drawing/2014/main" id="{9FF5FED4-2401-4494-B8AF-797B303BE4D0}"/>
            </a:ext>
          </a:extLst>
        </xdr:cNvPr>
        <xdr:cNvSpPr txBox="1"/>
      </xdr:nvSpPr>
      <xdr:spPr>
        <a:xfrm>
          <a:off x="1219201" y="29832300"/>
          <a:ext cx="9418287" cy="1495497"/>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6" name="textruta 5">
          <a:extLst>
            <a:ext uri="{FF2B5EF4-FFF2-40B4-BE49-F238E27FC236}">
              <a16:creationId xmlns:a16="http://schemas.microsoft.com/office/drawing/2014/main" id="{B3BD3428-474D-4D77-A9CD-DF8FD79E3CD0}"/>
            </a:ext>
          </a:extLst>
        </xdr:cNvPr>
        <xdr:cNvSpPr txBox="1"/>
      </xdr:nvSpPr>
      <xdr:spPr>
        <a:xfrm>
          <a:off x="1219200" y="7532370"/>
          <a:ext cx="4259580" cy="18774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1</xdr:col>
      <xdr:colOff>495300</xdr:colOff>
      <xdr:row>63</xdr:row>
      <xdr:rowOff>47625</xdr:rowOff>
    </xdr:from>
    <xdr:to>
      <xdr:col>12</xdr:col>
      <xdr:colOff>504826</xdr:colOff>
      <xdr:row>66</xdr:row>
      <xdr:rowOff>171450</xdr:rowOff>
    </xdr:to>
    <xdr:pic>
      <xdr:nvPicPr>
        <xdr:cNvPr id="7" name="Picture 22">
          <a:extLst>
            <a:ext uri="{FF2B5EF4-FFF2-40B4-BE49-F238E27FC236}">
              <a16:creationId xmlns:a16="http://schemas.microsoft.com/office/drawing/2014/main" id="{25C10BFC-7A2E-4892-8198-3FF1067A6FFD}"/>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925050" y="14239875"/>
          <a:ext cx="788194" cy="695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1.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3.xlsx" TargetMode="External"/><Relationship Id="rId2" Type="http://schemas.openxmlformats.org/officeDocument/2006/relationships/hyperlink" Target="file:///C:\Users\s01808\AppData\Local\Microsoft\Windows\INetCache\Content.Outlook\02WWF1V5\CBLF%20HTT%20202303.xlsx" TargetMode="External"/><Relationship Id="rId1" Type="http://schemas.openxmlformats.org/officeDocument/2006/relationships/hyperlink" Target="file:///C:\Users\s01808\AppData\Local\Microsoft\Windows\INetCache\Content.Outlook\02WWF1V5\CBLF%20HTT%20202303.xlsx" TargetMode="External"/></Relationships>
</file>

<file path=xl/worksheets/_rels/sheet12.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3.xlsx" TargetMode="External"/><Relationship Id="rId2" Type="http://schemas.openxmlformats.org/officeDocument/2006/relationships/hyperlink" Target="file:///C:\Users\s01808\AppData\Local\Microsoft\Windows\INetCache\Content.Outlook\02WWF1V5\CBLF%20HTT%20202303.xlsx" TargetMode="External"/><Relationship Id="rId1" Type="http://schemas.openxmlformats.org/officeDocument/2006/relationships/hyperlink" Target="file:///C:\Users\s01808\AppData\Local\Microsoft\Windows\INetCache\Content.Outlook\02WWF1V5\CBLF%20HTT%20202303.xlsx" TargetMode="External"/><Relationship Id="rId4" Type="http://schemas.openxmlformats.org/officeDocument/2006/relationships/hyperlink" Target="file:///C:\Users\s01808\AppData\Local\Microsoft\Windows\INetCache\Content.Outlook\02WWF1V5\CBLF%20HTT%20202303.xlsx" TargetMode="External"/></Relationships>
</file>

<file path=xl/worksheets/_rels/sheet13.xml.rels><?xml version="1.0" encoding="UTF-8" standalone="yes"?>
<Relationships xmlns="http://schemas.openxmlformats.org/package/2006/relationships"><Relationship Id="rId3" Type="http://schemas.openxmlformats.org/officeDocument/2006/relationships/hyperlink" Target="https://hypo.org/emf/market-initiative/covid-19-emf-ecbc-response/" TargetMode="External"/><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 Id="rId5" Type="http://schemas.openxmlformats.org/officeDocument/2006/relationships/hyperlink" Target="file:///C:\Users\s01808\AppData\Local\Microsoft\Windows\INetCache\Content.Outlook\02WWF1V5\CBLF%20HTT%20202303.xlsx" TargetMode="External"/><Relationship Id="rId4" Type="http://schemas.openxmlformats.org/officeDocument/2006/relationships/hyperlink" Target="file:///C:\Users\s01808\AppData\Local\Microsoft\Windows\INetCache\Content.Outlook\02WWF1V5\CBLF%20HTT%20202303.xlsx" TargetMode="External"/></Relationships>
</file>

<file path=xl/worksheets/_rels/sheet2.xml.rels><?xml version="1.0" encoding="UTF-8" standalone="yes"?>
<Relationships xmlns="http://schemas.openxmlformats.org/package/2006/relationships"><Relationship Id="rId8" Type="http://schemas.openxmlformats.org/officeDocument/2006/relationships/hyperlink" Target="file:///C:\Users\s01808\AppData\Local\Microsoft\Windows\INetCache\Content.Outlook\02WWF1V5\CBLF%20HTT%20202303.xlsx" TargetMode="External"/><Relationship Id="rId3" Type="http://schemas.openxmlformats.org/officeDocument/2006/relationships/hyperlink" Target="file:///C:\Users\s01808\AppData\Local\Microsoft\Windows\INetCache\Content.Outlook\02WWF1V5\CBLF%20HTT%20202303.xlsx" TargetMode="External"/><Relationship Id="rId7" Type="http://schemas.openxmlformats.org/officeDocument/2006/relationships/hyperlink" Target="file:///C:\Users\s01808\AppData\Local\Microsoft\Windows\INetCache\Content.Outlook\02WWF1V5\CBLF%20HTT%20202303.xlsx" TargetMode="External"/><Relationship Id="rId2" Type="http://schemas.openxmlformats.org/officeDocument/2006/relationships/hyperlink" Target="file:///C:\Users\s01808\AppData\Local\Microsoft\Windows\INetCache\Content.Outlook\02WWF1V5\CBLF%20HTT%20202303.xlsx" TargetMode="External"/><Relationship Id="rId1" Type="http://schemas.openxmlformats.org/officeDocument/2006/relationships/hyperlink" Target="file:///C:\Users\s01808\AppData\Local\Microsoft\Windows\INetCache\Content.Outlook\02WWF1V5\CBLF%20HTT%20202303.xlsx" TargetMode="External"/><Relationship Id="rId6" Type="http://schemas.openxmlformats.org/officeDocument/2006/relationships/hyperlink" Target="file:///C:\Users\s01808\AppData\Local\Microsoft\Windows\INetCache\Content.Outlook\02WWF1V5\CBLF%20HTT%20202303.xlsx" TargetMode="External"/><Relationship Id="rId11" Type="http://schemas.openxmlformats.org/officeDocument/2006/relationships/drawing" Target="../drawings/drawing1.xml"/><Relationship Id="rId5" Type="http://schemas.openxmlformats.org/officeDocument/2006/relationships/hyperlink" Target="file:///C:\Users\s01808\AppData\Local\Microsoft\Windows\INetCache\Content.Outlook\02WWF1V5\CBLF%20HTT%20202303.xlsx" TargetMode="External"/><Relationship Id="rId10" Type="http://schemas.openxmlformats.org/officeDocument/2006/relationships/hyperlink" Target="file:///C:\Users\s01808\AppData\Local\Microsoft\Windows\INetCache\Content.Outlook\02WWF1V5\CBLF%20HTT%20202303.xlsx" TargetMode="External"/><Relationship Id="rId4" Type="http://schemas.openxmlformats.org/officeDocument/2006/relationships/hyperlink" Target="file:///C:\Users\s01808\AppData\Local\Microsoft\Windows\INetCache\Content.Outlook\02WWF1V5\CBLF%20HTT%20202303.xlsx" TargetMode="External"/><Relationship Id="rId9" Type="http://schemas.openxmlformats.org/officeDocument/2006/relationships/hyperlink" Target="file:///C:\Users\s01808\AppData\Local\Microsoft\Windows\INetCache\Content.Outlook\02WWF1V5\CBLF%20HTT%20202303.xlsx" TargetMode="Externa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5.xml.rels><?xml version="1.0" encoding="UTF-8" standalone="yes"?>
<Relationships xmlns="http://schemas.openxmlformats.org/package/2006/relationships"><Relationship Id="rId8" Type="http://schemas.openxmlformats.org/officeDocument/2006/relationships/hyperlink" Target="https://eur-lex.europa.eu/eli/dir/2019/2162/oj" TargetMode="External"/><Relationship Id="rId13" Type="http://schemas.openxmlformats.org/officeDocument/2006/relationships/hyperlink" Target="file:///C:\Users\s01808\AppData\Local\Microsoft\Windows\INetCache\Content.Outlook\02WWF1V5\CBLF%20HTT%20202303.xlsx" TargetMode="External"/><Relationship Id="rId18" Type="http://schemas.openxmlformats.org/officeDocument/2006/relationships/hyperlink" Target="file:///C:\Users\s01808\AppData\Local\Microsoft\Windows\INetCache\Content.Outlook\02WWF1V5\CBLF%20HTT%20202303.xlsx" TargetMode="External"/><Relationship Id="rId26" Type="http://schemas.openxmlformats.org/officeDocument/2006/relationships/hyperlink" Target="file:///C:\Users\s01808\AppData\Local\Microsoft\Windows\INetCache\Content.Outlook\02WWF1V5\CBLF%20HTT%20202303.xlsx" TargetMode="External"/><Relationship Id="rId3" Type="http://schemas.openxmlformats.org/officeDocument/2006/relationships/hyperlink" Target="file:///C:\Users\s01808\AppData\Local\Microsoft\Windows\INetCache\Content.Outlook\02WWF1V5\CBLF%20HTT%20202303.xlsx" TargetMode="External"/><Relationship Id="rId21" Type="http://schemas.openxmlformats.org/officeDocument/2006/relationships/hyperlink" Target="file:///C:\Users\s01808\AppData\Local\Microsoft\Windows\INetCache\Content.Outlook\02WWF1V5\CBLF%20HTT%20202303.xlsx" TargetMode="External"/><Relationship Id="rId7" Type="http://schemas.openxmlformats.org/officeDocument/2006/relationships/hyperlink" Target="https://www.bis.org/basel_framework/chapter/CRE/20.htm?tldate=20250101" TargetMode="External"/><Relationship Id="rId12" Type="http://schemas.openxmlformats.org/officeDocument/2006/relationships/hyperlink" Target="https://www.coveredbondlabel.com/" TargetMode="External"/><Relationship Id="rId17" Type="http://schemas.openxmlformats.org/officeDocument/2006/relationships/hyperlink" Target="file:///C:\Users\s01808\AppData\Local\Microsoft\Windows\INetCache\Content.Outlook\02WWF1V5\CBLF%20HTT%20202303.xlsx" TargetMode="External"/><Relationship Id="rId25" Type="http://schemas.openxmlformats.org/officeDocument/2006/relationships/hyperlink" Target="file:///C:\Users\s01808\AppData\Local\Microsoft\Windows\INetCache\Content.Outlook\02WWF1V5\CBLF%20HTT%20202303.xlsx" TargetMode="External"/><Relationship Id="rId2" Type="http://schemas.openxmlformats.org/officeDocument/2006/relationships/hyperlink" Target="file:///C:\Users\s01808\AppData\Local\Microsoft\Windows\INetCache\Content.Outlook\02WWF1V5\CBLF%20HTT%20202303.xlsx" TargetMode="External"/><Relationship Id="rId16" Type="http://schemas.openxmlformats.org/officeDocument/2006/relationships/hyperlink" Target="file:///C:\Users\s01808\AppData\Local\Microsoft\Windows\INetCache\Content.Outlook\02WWF1V5\CBLF%20HTT%20202303.xlsx" TargetMode="External"/><Relationship Id="rId20" Type="http://schemas.openxmlformats.org/officeDocument/2006/relationships/hyperlink" Target="file:///C:\Users\s01808\AppData\Local\Microsoft\Windows\INetCache\Content.Outlook\02WWF1V5\CBLF%20HTT%20202303.xlsx" TargetMode="External"/><Relationship Id="rId29" Type="http://schemas.openxmlformats.org/officeDocument/2006/relationships/hyperlink" Target="file:///C:\Users\s01808\AppData\Local\Microsoft\Windows\INetCache\Content.Outlook\02WWF1V5\CBLF%20HTT%20202303.xlsx" TargetMode="External"/><Relationship Id="rId1" Type="http://schemas.openxmlformats.org/officeDocument/2006/relationships/hyperlink" Target="file:///C:\Users\s01808\AppData\Local\Microsoft\Windows\INetCache\Content.Outlook\02WWF1V5\CBLF%20HTT%20202303.xlsx" TargetMode="External"/><Relationship Id="rId6" Type="http://schemas.openxmlformats.org/officeDocument/2006/relationships/hyperlink" Target="http://www.sebgroup.com/" TargetMode="External"/><Relationship Id="rId11" Type="http://schemas.openxmlformats.org/officeDocument/2006/relationships/hyperlink" Target="http://eur-lex.europa.eu/legal-content/EN/TXT/?uri=CELEX%3A32015R0061" TargetMode="External"/><Relationship Id="rId24" Type="http://schemas.openxmlformats.org/officeDocument/2006/relationships/hyperlink" Target="file:///C:\Users\s01808\AppData\Local\Microsoft\Windows\INetCache\Content.Outlook\02WWF1V5\CBLF%20HTT%20202303.xlsx" TargetMode="External"/><Relationship Id="rId32" Type="http://schemas.openxmlformats.org/officeDocument/2006/relationships/drawing" Target="../drawings/drawing3.xml"/><Relationship Id="rId5" Type="http://schemas.openxmlformats.org/officeDocument/2006/relationships/hyperlink" Target="file:///C:\Users\s01808\AppData\Local\Microsoft\Windows\INetCache\Content.Outlook\02WWF1V5\CBLF%20HTT%20202303.xlsx" TargetMode="External"/><Relationship Id="rId15" Type="http://schemas.openxmlformats.org/officeDocument/2006/relationships/hyperlink" Target="file:///C:\Users\s01808\AppData\Local\Microsoft\Windows\INetCache\Content.Outlook\02WWF1V5\CBLF%20HTT%20202303.xlsx" TargetMode="External"/><Relationship Id="rId23" Type="http://schemas.openxmlformats.org/officeDocument/2006/relationships/hyperlink" Target="file:///C:\Users\s01808\AppData\Local\Microsoft\Windows\INetCache\Content.Outlook\02WWF1V5\CBLF%20HTT%20202303.xlsx" TargetMode="External"/><Relationship Id="rId28" Type="http://schemas.openxmlformats.org/officeDocument/2006/relationships/hyperlink" Target="file:///C:\Users\s01808\AppData\Local\Microsoft\Windows\INetCache\Content.Outlook\02WWF1V5\CBLF%20HTT%20202303.xlsx" TargetMode="External"/><Relationship Id="rId10" Type="http://schemas.openxmlformats.org/officeDocument/2006/relationships/hyperlink" Target="https://www.coveredbondlabel.com/" TargetMode="External"/><Relationship Id="rId19" Type="http://schemas.openxmlformats.org/officeDocument/2006/relationships/hyperlink" Target="file:///C:\Users\s01808\AppData\Local\Microsoft\Windows\INetCache\Content.Outlook\02WWF1V5\CBLF%20HTT%20202303.xlsx" TargetMode="External"/><Relationship Id="rId31" Type="http://schemas.openxmlformats.org/officeDocument/2006/relationships/hyperlink" Target="https://www.coveredbondlabel.com/issuer/34-skandinaviska-enskilda-banken-ab-publ" TargetMode="External"/><Relationship Id="rId4" Type="http://schemas.openxmlformats.org/officeDocument/2006/relationships/hyperlink" Target="file:///C:\Users\s01808\AppData\Local\Microsoft\Windows\INetCache\Content.Outlook\02WWF1V5\CBLF%20HTT%20202303.xlsx" TargetMode="External"/><Relationship Id="rId9" Type="http://schemas.openxmlformats.org/officeDocument/2006/relationships/hyperlink" Target="https://eur-lex.europa.eu/legal-content/en/TXT/?uri=celex%3A32013R0575" TargetMode="External"/><Relationship Id="rId14" Type="http://schemas.openxmlformats.org/officeDocument/2006/relationships/hyperlink" Target="file:///C:\Users\s01808\AppData\Local\Microsoft\Windows\INetCache\Content.Outlook\02WWF1V5\CBLF%20HTT%20202303.xlsx" TargetMode="External"/><Relationship Id="rId22" Type="http://schemas.openxmlformats.org/officeDocument/2006/relationships/hyperlink" Target="file:///C:\Users\s01808\AppData\Local\Microsoft\Windows\INetCache\Content.Outlook\02WWF1V5\CBLF%20HTT%20202303.xlsx" TargetMode="External"/><Relationship Id="rId27" Type="http://schemas.openxmlformats.org/officeDocument/2006/relationships/hyperlink" Target="file:///C:\Users\s01808\AppData\Local\Microsoft\Windows\INetCache\Content.Outlook\02WWF1V5\CBLF%20HTT%20202303.xlsx" TargetMode="External"/><Relationship Id="rId30" Type="http://schemas.openxmlformats.org/officeDocument/2006/relationships/hyperlink" Target="file:///C:\Users\s01808\AppData\Local\Microsoft\Windows\INetCache\Content.Outlook\02WWF1V5\CBLF%20HTT%20202303.xlsx" TargetMode="External"/></Relationships>
</file>

<file path=xl/worksheets/_rels/sheet6.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3.xlsx" TargetMode="External"/><Relationship Id="rId2" Type="http://schemas.openxmlformats.org/officeDocument/2006/relationships/hyperlink" Target="file:///C:\Users\s01808\AppData\Local\Microsoft\Windows\INetCache\Content.Outlook\02WWF1V5\CBLF%20HTT%20202303.xlsx" TargetMode="External"/><Relationship Id="rId1" Type="http://schemas.openxmlformats.org/officeDocument/2006/relationships/hyperlink" Target="file:///C:\Users\s01808\AppData\Local\Microsoft\Windows\INetCache\Content.Outlook\02WWF1V5\CBLF%20HTT%20202303.xlsx" TargetMode="External"/><Relationship Id="rId4" Type="http://schemas.openxmlformats.org/officeDocument/2006/relationships/drawing" Target="../drawings/drawing4.xml"/></Relationships>
</file>

<file path=xl/worksheets/_rels/sheet7.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02WWF1V5\CBLF%20HTT%20202303.xlsx" TargetMode="External"/></Relationships>
</file>

<file path=xl/worksheets/_rels/sheet8.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02WWF1V5\CBLF%20HTT%20202303.xlsx" TargetMode="External"/></Relationships>
</file>

<file path=xl/worksheets/_rels/sheet9.xml.rels><?xml version="1.0" encoding="UTF-8" standalone="yes"?>
<Relationships xmlns="http://schemas.openxmlformats.org/package/2006/relationships"><Relationship Id="rId1" Type="http://schemas.openxmlformats.org/officeDocument/2006/relationships/hyperlink" Target="https://sebgroup.com/investor-relations/debt-investors/debt-programe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6600"/>
  </sheetPr>
  <dimension ref="A1:A174"/>
  <sheetViews>
    <sheetView zoomScale="60" zoomScaleNormal="60" workbookViewId="0">
      <selection activeCell="A9" sqref="A9"/>
    </sheetView>
  </sheetViews>
  <sheetFormatPr defaultColWidth="9.109375" defaultRowHeight="14.4" x14ac:dyDescent="0.3"/>
  <cols>
    <col min="1" max="1" width="242" style="159" customWidth="1"/>
    <col min="2" max="2" width="9.109375" style="159" customWidth="1"/>
    <col min="3" max="16384" width="9.109375" style="159"/>
  </cols>
  <sheetData>
    <row r="1" spans="1:1" ht="31.5" customHeight="1" x14ac:dyDescent="0.3">
      <c r="A1" s="93" t="s">
        <v>0</v>
      </c>
    </row>
    <row r="3" spans="1:1" ht="15" x14ac:dyDescent="0.3">
      <c r="A3" s="61"/>
    </row>
    <row r="4" spans="1:1" ht="34.5" customHeight="1" x14ac:dyDescent="0.3">
      <c r="A4" s="62" t="s">
        <v>1</v>
      </c>
    </row>
    <row r="5" spans="1:1" ht="34.5" customHeight="1" x14ac:dyDescent="0.3">
      <c r="A5" s="62" t="s">
        <v>2</v>
      </c>
    </row>
    <row r="6" spans="1:1" ht="34.5" customHeight="1" x14ac:dyDescent="0.3">
      <c r="A6" s="62" t="s">
        <v>3</v>
      </c>
    </row>
    <row r="7" spans="1:1" ht="17.25" customHeight="1" x14ac:dyDescent="0.3">
      <c r="A7" s="62"/>
    </row>
    <row r="8" spans="1:1" ht="18.75" customHeight="1" x14ac:dyDescent="0.3">
      <c r="A8" s="63" t="s">
        <v>4</v>
      </c>
    </row>
    <row r="9" spans="1:1" ht="34.5" customHeight="1" x14ac:dyDescent="0.35">
      <c r="A9" s="70" t="s">
        <v>5</v>
      </c>
    </row>
    <row r="10" spans="1:1" ht="69" customHeight="1" x14ac:dyDescent="0.3">
      <c r="A10" s="64" t="s">
        <v>6</v>
      </c>
    </row>
    <row r="11" spans="1:1" ht="34.5" customHeight="1" x14ac:dyDescent="0.3">
      <c r="A11" s="64" t="s">
        <v>7</v>
      </c>
    </row>
    <row r="12" spans="1:1" ht="17.25" customHeight="1" x14ac:dyDescent="0.3">
      <c r="A12" s="64" t="s">
        <v>8</v>
      </c>
    </row>
    <row r="13" spans="1:1" ht="17.25" customHeight="1" x14ac:dyDescent="0.3">
      <c r="A13" s="64" t="s">
        <v>9</v>
      </c>
    </row>
    <row r="14" spans="1:1" ht="34.5" customHeight="1" x14ac:dyDescent="0.3">
      <c r="A14" s="64" t="s">
        <v>10</v>
      </c>
    </row>
    <row r="15" spans="1:1" ht="17.25" customHeight="1" x14ac:dyDescent="0.3">
      <c r="A15" s="64"/>
    </row>
    <row r="16" spans="1:1" ht="18.75" customHeight="1" x14ac:dyDescent="0.3">
      <c r="A16" s="63" t="s">
        <v>11</v>
      </c>
    </row>
    <row r="17" spans="1:1" ht="17.25" customHeight="1" x14ac:dyDescent="0.3">
      <c r="A17" s="65" t="s">
        <v>12</v>
      </c>
    </row>
    <row r="18" spans="1:1" ht="34.5" customHeight="1" x14ac:dyDescent="0.3">
      <c r="A18" s="66" t="s">
        <v>13</v>
      </c>
    </row>
    <row r="19" spans="1:1" ht="34.5" customHeight="1" x14ac:dyDescent="0.3">
      <c r="A19" s="66" t="s">
        <v>14</v>
      </c>
    </row>
    <row r="20" spans="1:1" ht="51.75" customHeight="1" x14ac:dyDescent="0.3">
      <c r="A20" s="66" t="s">
        <v>15</v>
      </c>
    </row>
    <row r="21" spans="1:1" ht="86.25" customHeight="1" x14ac:dyDescent="0.3">
      <c r="A21" s="66" t="s">
        <v>16</v>
      </c>
    </row>
    <row r="22" spans="1:1" ht="51.75" customHeight="1" x14ac:dyDescent="0.3">
      <c r="A22" s="66" t="s">
        <v>17</v>
      </c>
    </row>
    <row r="23" spans="1:1" ht="34.5" customHeight="1" x14ac:dyDescent="0.3">
      <c r="A23" s="66" t="s">
        <v>18</v>
      </c>
    </row>
    <row r="24" spans="1:1" ht="17.25" customHeight="1" x14ac:dyDescent="0.3">
      <c r="A24" s="66" t="s">
        <v>19</v>
      </c>
    </row>
    <row r="25" spans="1:1" ht="17.25" customHeight="1" x14ac:dyDescent="0.3">
      <c r="A25" s="65" t="s">
        <v>20</v>
      </c>
    </row>
    <row r="26" spans="1:1" ht="51.75" customHeight="1" x14ac:dyDescent="0.35">
      <c r="A26" s="71" t="s">
        <v>21</v>
      </c>
    </row>
    <row r="27" spans="1:1" ht="17.25" customHeight="1" x14ac:dyDescent="0.35">
      <c r="A27" s="71" t="s">
        <v>22</v>
      </c>
    </row>
    <row r="28" spans="1:1" ht="17.25" customHeight="1" x14ac:dyDescent="0.3">
      <c r="A28" s="65" t="s">
        <v>23</v>
      </c>
    </row>
    <row r="29" spans="1:1" ht="34.5" customHeight="1" x14ac:dyDescent="0.3">
      <c r="A29" s="66" t="s">
        <v>24</v>
      </c>
    </row>
    <row r="30" spans="1:1" ht="34.5" customHeight="1" x14ac:dyDescent="0.3">
      <c r="A30" s="66" t="s">
        <v>25</v>
      </c>
    </row>
    <row r="31" spans="1:1" ht="34.5" customHeight="1" x14ac:dyDescent="0.3">
      <c r="A31" s="66" t="s">
        <v>26</v>
      </c>
    </row>
    <row r="32" spans="1:1" ht="34.5" customHeight="1" x14ac:dyDescent="0.3">
      <c r="A32" s="66" t="s">
        <v>27</v>
      </c>
    </row>
    <row r="33" spans="1:1" ht="17.25" customHeight="1" x14ac:dyDescent="0.3">
      <c r="A33" s="66"/>
    </row>
    <row r="34" spans="1:1" ht="18.75" customHeight="1" x14ac:dyDescent="0.3">
      <c r="A34" s="63" t="s">
        <v>28</v>
      </c>
    </row>
    <row r="35" spans="1:1" ht="17.25" customHeight="1" x14ac:dyDescent="0.3">
      <c r="A35" s="65" t="s">
        <v>29</v>
      </c>
    </row>
    <row r="36" spans="1:1" ht="34.5" customHeight="1" x14ac:dyDescent="0.3">
      <c r="A36" s="66" t="s">
        <v>30</v>
      </c>
    </row>
    <row r="37" spans="1:1" ht="34.5" customHeight="1" x14ac:dyDescent="0.3">
      <c r="A37" s="66" t="s">
        <v>31</v>
      </c>
    </row>
    <row r="38" spans="1:1" ht="34.5" customHeight="1" x14ac:dyDescent="0.3">
      <c r="A38" s="66" t="s">
        <v>32</v>
      </c>
    </row>
    <row r="39" spans="1:1" ht="17.25" customHeight="1" x14ac:dyDescent="0.3">
      <c r="A39" s="66" t="s">
        <v>33</v>
      </c>
    </row>
    <row r="40" spans="1:1" ht="34.5" customHeight="1" x14ac:dyDescent="0.3">
      <c r="A40" s="66" t="s">
        <v>34</v>
      </c>
    </row>
    <row r="41" spans="1:1" ht="17.25" customHeight="1" x14ac:dyDescent="0.3">
      <c r="A41" s="65" t="s">
        <v>35</v>
      </c>
    </row>
    <row r="42" spans="1:1" ht="17.25" customHeight="1" x14ac:dyDescent="0.3">
      <c r="A42" s="66" t="s">
        <v>36</v>
      </c>
    </row>
    <row r="43" spans="1:1" ht="17.25" customHeight="1" x14ac:dyDescent="0.35">
      <c r="A43" s="71" t="s">
        <v>37</v>
      </c>
    </row>
    <row r="44" spans="1:1" ht="17.25" customHeight="1" x14ac:dyDescent="0.3">
      <c r="A44" s="65" t="s">
        <v>38</v>
      </c>
    </row>
    <row r="45" spans="1:1" ht="34.5" customHeight="1" x14ac:dyDescent="0.35">
      <c r="A45" s="71" t="s">
        <v>39</v>
      </c>
    </row>
    <row r="46" spans="1:1" ht="34.5" customHeight="1" x14ac:dyDescent="0.3">
      <c r="A46" s="66" t="s">
        <v>40</v>
      </c>
    </row>
    <row r="47" spans="1:1" ht="34.5" customHeight="1" x14ac:dyDescent="0.3">
      <c r="A47" s="66" t="s">
        <v>41</v>
      </c>
    </row>
    <row r="48" spans="1:1" ht="17.25" customHeight="1" x14ac:dyDescent="0.3">
      <c r="A48" s="66" t="s">
        <v>42</v>
      </c>
    </row>
    <row r="49" spans="1:1" ht="17.25" customHeight="1" x14ac:dyDescent="0.35">
      <c r="A49" s="71" t="s">
        <v>43</v>
      </c>
    </row>
    <row r="50" spans="1:1" ht="17.25" customHeight="1" x14ac:dyDescent="0.3">
      <c r="A50" s="65" t="s">
        <v>44</v>
      </c>
    </row>
    <row r="51" spans="1:1" ht="34.5" customHeight="1" x14ac:dyDescent="0.35">
      <c r="A51" s="71" t="s">
        <v>45</v>
      </c>
    </row>
    <row r="52" spans="1:1" ht="17.25" customHeight="1" x14ac:dyDescent="0.3">
      <c r="A52" s="66" t="s">
        <v>46</v>
      </c>
    </row>
    <row r="53" spans="1:1" ht="34.5" customHeight="1" x14ac:dyDescent="0.35">
      <c r="A53" s="71" t="s">
        <v>47</v>
      </c>
    </row>
    <row r="54" spans="1:1" ht="17.25" customHeight="1" x14ac:dyDescent="0.3">
      <c r="A54" s="65" t="s">
        <v>48</v>
      </c>
    </row>
    <row r="55" spans="1:1" ht="17.25" customHeight="1" x14ac:dyDescent="0.35">
      <c r="A55" s="71" t="s">
        <v>49</v>
      </c>
    </row>
    <row r="56" spans="1:1" ht="34.5" customHeight="1" x14ac:dyDescent="0.3">
      <c r="A56" s="66" t="s">
        <v>50</v>
      </c>
    </row>
    <row r="57" spans="1:1" ht="17.25" customHeight="1" x14ac:dyDescent="0.3">
      <c r="A57" s="66" t="s">
        <v>51</v>
      </c>
    </row>
    <row r="58" spans="1:1" ht="17.25" customHeight="1" x14ac:dyDescent="0.3">
      <c r="A58" s="66" t="s">
        <v>52</v>
      </c>
    </row>
    <row r="59" spans="1:1" ht="17.25" customHeight="1" x14ac:dyDescent="0.3">
      <c r="A59" s="65" t="s">
        <v>53</v>
      </c>
    </row>
    <row r="60" spans="1:1" ht="34.5" customHeight="1" x14ac:dyDescent="0.3">
      <c r="A60" s="66" t="s">
        <v>54</v>
      </c>
    </row>
    <row r="61" spans="1:1" ht="17.25" customHeight="1" x14ac:dyDescent="0.3">
      <c r="A61" s="67"/>
    </row>
    <row r="62" spans="1:1" ht="18.75" customHeight="1" x14ac:dyDescent="0.3">
      <c r="A62" s="63" t="s">
        <v>55</v>
      </c>
    </row>
    <row r="63" spans="1:1" ht="17.25" customHeight="1" x14ac:dyDescent="0.3">
      <c r="A63" s="65" t="s">
        <v>56</v>
      </c>
    </row>
    <row r="64" spans="1:1" ht="34.5" customHeight="1" x14ac:dyDescent="0.3">
      <c r="A64" s="66" t="s">
        <v>57</v>
      </c>
    </row>
    <row r="65" spans="1:1" ht="17.25" customHeight="1" x14ac:dyDescent="0.3">
      <c r="A65" s="66" t="s">
        <v>58</v>
      </c>
    </row>
    <row r="66" spans="1:1" ht="34.5" customHeight="1" x14ac:dyDescent="0.3">
      <c r="A66" s="64" t="s">
        <v>59</v>
      </c>
    </row>
    <row r="67" spans="1:1" ht="34.5" customHeight="1" x14ac:dyDescent="0.3">
      <c r="A67" s="64" t="s">
        <v>60</v>
      </c>
    </row>
    <row r="68" spans="1:1" ht="34.5" customHeight="1" x14ac:dyDescent="0.3">
      <c r="A68" s="64" t="s">
        <v>61</v>
      </c>
    </row>
    <row r="69" spans="1:1" ht="17.25" customHeight="1" x14ac:dyDescent="0.3">
      <c r="A69" s="68" t="s">
        <v>62</v>
      </c>
    </row>
    <row r="70" spans="1:1" ht="51.75" customHeight="1" x14ac:dyDescent="0.3">
      <c r="A70" s="64" t="s">
        <v>63</v>
      </c>
    </row>
    <row r="71" spans="1:1" ht="17.25" customHeight="1" x14ac:dyDescent="0.3">
      <c r="A71" s="64" t="s">
        <v>64</v>
      </c>
    </row>
    <row r="72" spans="1:1" ht="17.25" customHeight="1" x14ac:dyDescent="0.3">
      <c r="A72" s="68" t="s">
        <v>65</v>
      </c>
    </row>
    <row r="73" spans="1:1" ht="17.25" customHeight="1" x14ac:dyDescent="0.3">
      <c r="A73" s="64" t="s">
        <v>66</v>
      </c>
    </row>
    <row r="74" spans="1:1" ht="17.25" customHeight="1" x14ac:dyDescent="0.3">
      <c r="A74" s="68" t="s">
        <v>67</v>
      </c>
    </row>
    <row r="75" spans="1:1" ht="34.5" customHeight="1" x14ac:dyDescent="0.3">
      <c r="A75" s="64" t="s">
        <v>68</v>
      </c>
    </row>
    <row r="76" spans="1:1" ht="17.25" customHeight="1" x14ac:dyDescent="0.3">
      <c r="A76" s="64" t="s">
        <v>69</v>
      </c>
    </row>
    <row r="77" spans="1:1" ht="51.75" customHeight="1" x14ac:dyDescent="0.3">
      <c r="A77" s="64" t="s">
        <v>70</v>
      </c>
    </row>
    <row r="78" spans="1:1" ht="17.25" customHeight="1" x14ac:dyDescent="0.3">
      <c r="A78" s="68" t="s">
        <v>71</v>
      </c>
    </row>
    <row r="79" spans="1:1" ht="17.25" customHeight="1" x14ac:dyDescent="0.35">
      <c r="A79" s="70" t="s">
        <v>72</v>
      </c>
    </row>
    <row r="80" spans="1:1" ht="17.25" customHeight="1" x14ac:dyDescent="0.3">
      <c r="A80" s="68" t="s">
        <v>73</v>
      </c>
    </row>
    <row r="81" spans="1:1" ht="34.5" customHeight="1" x14ac:dyDescent="0.3">
      <c r="A81" s="64" t="s">
        <v>74</v>
      </c>
    </row>
    <row r="82" spans="1:1" ht="34.5" customHeight="1" x14ac:dyDescent="0.3">
      <c r="A82" s="64" t="s">
        <v>75</v>
      </c>
    </row>
    <row r="83" spans="1:1" ht="34.5" customHeight="1" x14ac:dyDescent="0.3">
      <c r="A83" s="64" t="s">
        <v>76</v>
      </c>
    </row>
    <row r="84" spans="1:1" ht="34.5" customHeight="1" x14ac:dyDescent="0.3">
      <c r="A84" s="64" t="s">
        <v>77</v>
      </c>
    </row>
    <row r="85" spans="1:1" ht="34.5" customHeight="1" x14ac:dyDescent="0.3">
      <c r="A85" s="64" t="s">
        <v>78</v>
      </c>
    </row>
    <row r="86" spans="1:1" ht="17.25" customHeight="1" x14ac:dyDescent="0.3">
      <c r="A86" s="68" t="s">
        <v>79</v>
      </c>
    </row>
    <row r="87" spans="1:1" ht="17.25" customHeight="1" x14ac:dyDescent="0.3">
      <c r="A87" s="64" t="s">
        <v>80</v>
      </c>
    </row>
    <row r="88" spans="1:1" ht="34.5" customHeight="1" x14ac:dyDescent="0.3">
      <c r="A88" s="64" t="s">
        <v>81</v>
      </c>
    </row>
    <row r="89" spans="1:1" ht="17.25" customHeight="1" x14ac:dyDescent="0.3">
      <c r="A89" s="68" t="s">
        <v>82</v>
      </c>
    </row>
    <row r="90" spans="1:1" ht="34.5" customHeight="1" x14ac:dyDescent="0.3">
      <c r="A90" s="64" t="s">
        <v>83</v>
      </c>
    </row>
    <row r="91" spans="1:1" ht="17.25" customHeight="1" x14ac:dyDescent="0.3">
      <c r="A91" s="68" t="s">
        <v>84</v>
      </c>
    </row>
    <row r="92" spans="1:1" ht="17.25" customHeight="1" x14ac:dyDescent="0.35">
      <c r="A92" s="70" t="s">
        <v>85</v>
      </c>
    </row>
    <row r="93" spans="1:1" ht="17.25" customHeight="1" x14ac:dyDescent="0.3">
      <c r="A93" s="64" t="s">
        <v>86</v>
      </c>
    </row>
    <row r="94" spans="1:1" ht="17.25" customHeight="1" x14ac:dyDescent="0.3">
      <c r="A94" s="64"/>
    </row>
    <row r="95" spans="1:1" ht="18.75" customHeight="1" x14ac:dyDescent="0.3">
      <c r="A95" s="63" t="s">
        <v>87</v>
      </c>
    </row>
    <row r="96" spans="1:1" ht="34.5" customHeight="1" x14ac:dyDescent="0.35">
      <c r="A96" s="70" t="s">
        <v>88</v>
      </c>
    </row>
    <row r="97" spans="1:1" ht="17.25" customHeight="1" x14ac:dyDescent="0.35">
      <c r="A97" s="70" t="s">
        <v>89</v>
      </c>
    </row>
    <row r="98" spans="1:1" ht="17.25" customHeight="1" x14ac:dyDescent="0.3">
      <c r="A98" s="68" t="s">
        <v>90</v>
      </c>
    </row>
    <row r="99" spans="1:1" ht="17.25" customHeight="1" x14ac:dyDescent="0.3">
      <c r="A99" s="62" t="s">
        <v>91</v>
      </c>
    </row>
    <row r="100" spans="1:1" ht="17.25" customHeight="1" x14ac:dyDescent="0.3">
      <c r="A100" s="64" t="s">
        <v>92</v>
      </c>
    </row>
    <row r="101" spans="1:1" ht="17.25" customHeight="1" x14ac:dyDescent="0.3">
      <c r="A101" s="64" t="s">
        <v>93</v>
      </c>
    </row>
    <row r="102" spans="1:1" ht="17.25" customHeight="1" x14ac:dyDescent="0.3">
      <c r="A102" s="64" t="s">
        <v>94</v>
      </c>
    </row>
    <row r="103" spans="1:1" ht="17.25" customHeight="1" x14ac:dyDescent="0.3">
      <c r="A103" s="64" t="s">
        <v>95</v>
      </c>
    </row>
    <row r="104" spans="1:1" ht="34.5" customHeight="1" x14ac:dyDescent="0.3">
      <c r="A104" s="64" t="s">
        <v>96</v>
      </c>
    </row>
    <row r="105" spans="1:1" ht="17.25" customHeight="1" x14ac:dyDescent="0.3">
      <c r="A105" s="62" t="s">
        <v>97</v>
      </c>
    </row>
    <row r="106" spans="1:1" ht="17.25" customHeight="1" x14ac:dyDescent="0.3">
      <c r="A106" s="64" t="s">
        <v>98</v>
      </c>
    </row>
    <row r="107" spans="1:1" ht="17.25" customHeight="1" x14ac:dyDescent="0.3">
      <c r="A107" s="64" t="s">
        <v>99</v>
      </c>
    </row>
    <row r="108" spans="1:1" ht="17.25" customHeight="1" x14ac:dyDescent="0.3">
      <c r="A108" s="64" t="s">
        <v>100</v>
      </c>
    </row>
    <row r="109" spans="1:1" ht="17.25" customHeight="1" x14ac:dyDescent="0.3">
      <c r="A109" s="64" t="s">
        <v>101</v>
      </c>
    </row>
    <row r="110" spans="1:1" ht="17.25" customHeight="1" x14ac:dyDescent="0.3">
      <c r="A110" s="64" t="s">
        <v>102</v>
      </c>
    </row>
    <row r="111" spans="1:1" ht="17.25" customHeight="1" x14ac:dyDescent="0.3">
      <c r="A111" s="64" t="s">
        <v>103</v>
      </c>
    </row>
    <row r="112" spans="1:1" ht="17.25" customHeight="1" x14ac:dyDescent="0.3">
      <c r="A112" s="68" t="s">
        <v>104</v>
      </c>
    </row>
    <row r="113" spans="1:1" ht="17.25" customHeight="1" x14ac:dyDescent="0.3">
      <c r="A113" s="64" t="s">
        <v>105</v>
      </c>
    </row>
    <row r="114" spans="1:1" ht="17.25" customHeight="1" x14ac:dyDescent="0.3">
      <c r="A114" s="62" t="s">
        <v>106</v>
      </c>
    </row>
    <row r="115" spans="1:1" ht="17.25" customHeight="1" x14ac:dyDescent="0.3">
      <c r="A115" s="64" t="s">
        <v>107</v>
      </c>
    </row>
    <row r="116" spans="1:1" ht="17.25" customHeight="1" x14ac:dyDescent="0.3">
      <c r="A116" s="64" t="s">
        <v>108</v>
      </c>
    </row>
    <row r="117" spans="1:1" ht="17.25" customHeight="1" x14ac:dyDescent="0.3">
      <c r="A117" s="62" t="s">
        <v>109</v>
      </c>
    </row>
    <row r="118" spans="1:1" ht="17.25" customHeight="1" x14ac:dyDescent="0.3">
      <c r="A118" s="64" t="s">
        <v>110</v>
      </c>
    </row>
    <row r="119" spans="1:1" ht="17.25" customHeight="1" x14ac:dyDescent="0.3">
      <c r="A119" s="64" t="s">
        <v>111</v>
      </c>
    </row>
    <row r="120" spans="1:1" ht="17.25" customHeight="1" x14ac:dyDescent="0.3">
      <c r="A120" s="64" t="s">
        <v>112</v>
      </c>
    </row>
    <row r="121" spans="1:1" ht="17.25" customHeight="1" x14ac:dyDescent="0.3">
      <c r="A121" s="68" t="s">
        <v>113</v>
      </c>
    </row>
    <row r="122" spans="1:1" ht="17.25" customHeight="1" x14ac:dyDescent="0.3">
      <c r="A122" s="62" t="s">
        <v>114</v>
      </c>
    </row>
    <row r="123" spans="1:1" ht="17.25" customHeight="1" x14ac:dyDescent="0.3">
      <c r="A123" s="62" t="s">
        <v>115</v>
      </c>
    </row>
    <row r="124" spans="1:1" ht="17.25" customHeight="1" x14ac:dyDescent="0.3">
      <c r="A124" s="64" t="s">
        <v>116</v>
      </c>
    </row>
    <row r="125" spans="1:1" ht="17.25" customHeight="1" x14ac:dyDescent="0.3">
      <c r="A125" s="64" t="s">
        <v>117</v>
      </c>
    </row>
    <row r="126" spans="1:1" ht="17.25" customHeight="1" x14ac:dyDescent="0.3">
      <c r="A126" s="64" t="s">
        <v>118</v>
      </c>
    </row>
    <row r="127" spans="1:1" ht="17.25" customHeight="1" x14ac:dyDescent="0.3">
      <c r="A127" s="64" t="s">
        <v>119</v>
      </c>
    </row>
    <row r="128" spans="1:1" ht="17.25" customHeight="1" x14ac:dyDescent="0.3">
      <c r="A128" s="64" t="s">
        <v>120</v>
      </c>
    </row>
    <row r="129" spans="1:1" ht="17.25" customHeight="1" x14ac:dyDescent="0.3">
      <c r="A129" s="68" t="s">
        <v>121</v>
      </c>
    </row>
    <row r="130" spans="1:1" ht="34.5" customHeight="1" x14ac:dyDescent="0.3">
      <c r="A130" s="64" t="s">
        <v>122</v>
      </c>
    </row>
    <row r="131" spans="1:1" ht="69" customHeight="1" x14ac:dyDescent="0.3">
      <c r="A131" s="64" t="s">
        <v>123</v>
      </c>
    </row>
    <row r="132" spans="1:1" ht="34.5" customHeight="1" x14ac:dyDescent="0.3">
      <c r="A132" s="64" t="s">
        <v>124</v>
      </c>
    </row>
    <row r="133" spans="1:1" ht="17.25" customHeight="1" x14ac:dyDescent="0.3">
      <c r="A133" s="68" t="s">
        <v>125</v>
      </c>
    </row>
    <row r="134" spans="1:1" ht="34.5" customHeight="1" x14ac:dyDescent="0.3">
      <c r="A134" s="62" t="s">
        <v>126</v>
      </c>
    </row>
    <row r="135" spans="1:1" ht="17.25" customHeight="1" x14ac:dyDescent="0.3">
      <c r="A135" s="62"/>
    </row>
    <row r="136" spans="1:1" ht="18.75" customHeight="1" x14ac:dyDescent="0.3">
      <c r="A136" s="63" t="s">
        <v>127</v>
      </c>
    </row>
    <row r="137" spans="1:1" ht="17.25" customHeight="1" x14ac:dyDescent="0.3">
      <c r="A137" s="64" t="s">
        <v>128</v>
      </c>
    </row>
    <row r="138" spans="1:1" ht="34.5" customHeight="1" x14ac:dyDescent="0.3">
      <c r="A138" s="66" t="s">
        <v>129</v>
      </c>
    </row>
    <row r="139" spans="1:1" ht="34.5" customHeight="1" x14ac:dyDescent="0.3">
      <c r="A139" s="66" t="s">
        <v>130</v>
      </c>
    </row>
    <row r="140" spans="1:1" ht="17.25" customHeight="1" x14ac:dyDescent="0.3">
      <c r="A140" s="65" t="s">
        <v>131</v>
      </c>
    </row>
    <row r="141" spans="1:1" ht="17.25" customHeight="1" x14ac:dyDescent="0.3">
      <c r="A141" s="69" t="s">
        <v>132</v>
      </c>
    </row>
    <row r="142" spans="1:1" ht="34.5" customHeight="1" x14ac:dyDescent="0.35">
      <c r="A142" s="71" t="s">
        <v>133</v>
      </c>
    </row>
    <row r="143" spans="1:1" ht="17.25" customHeight="1" x14ac:dyDescent="0.3">
      <c r="A143" s="66" t="s">
        <v>134</v>
      </c>
    </row>
    <row r="144" spans="1:1" ht="17.25" customHeight="1" x14ac:dyDescent="0.3">
      <c r="A144" s="66" t="s">
        <v>135</v>
      </c>
    </row>
    <row r="145" spans="1:1" ht="17.25" customHeight="1" x14ac:dyDescent="0.3">
      <c r="A145" s="69" t="s">
        <v>136</v>
      </c>
    </row>
    <row r="146" spans="1:1" ht="17.25" customHeight="1" x14ac:dyDescent="0.3">
      <c r="A146" s="65" t="s">
        <v>137</v>
      </c>
    </row>
    <row r="147" spans="1:1" ht="17.25" customHeight="1" x14ac:dyDescent="0.3">
      <c r="A147" s="69" t="s">
        <v>138</v>
      </c>
    </row>
    <row r="148" spans="1:1" ht="17.25" customHeight="1" x14ac:dyDescent="0.3">
      <c r="A148" s="66" t="s">
        <v>139</v>
      </c>
    </row>
    <row r="149" spans="1:1" ht="17.25" customHeight="1" x14ac:dyDescent="0.3">
      <c r="A149" s="66" t="s">
        <v>140</v>
      </c>
    </row>
    <row r="150" spans="1:1" ht="17.25" customHeight="1" x14ac:dyDescent="0.3">
      <c r="A150" s="66" t="s">
        <v>141</v>
      </c>
    </row>
    <row r="151" spans="1:1" ht="34.5" customHeight="1" x14ac:dyDescent="0.3">
      <c r="A151" s="69" t="s">
        <v>142</v>
      </c>
    </row>
    <row r="152" spans="1:1" ht="17.25" customHeight="1" x14ac:dyDescent="0.3">
      <c r="A152" s="65" t="s">
        <v>143</v>
      </c>
    </row>
    <row r="153" spans="1:1" ht="17.25" customHeight="1" x14ac:dyDescent="0.3">
      <c r="A153" s="66" t="s">
        <v>144</v>
      </c>
    </row>
    <row r="154" spans="1:1" ht="17.25" customHeight="1" x14ac:dyDescent="0.3">
      <c r="A154" s="66" t="s">
        <v>145</v>
      </c>
    </row>
    <row r="155" spans="1:1" ht="17.25" customHeight="1" x14ac:dyDescent="0.3">
      <c r="A155" s="66" t="s">
        <v>146</v>
      </c>
    </row>
    <row r="156" spans="1:1" ht="17.25" customHeight="1" x14ac:dyDescent="0.3">
      <c r="A156" s="66" t="s">
        <v>147</v>
      </c>
    </row>
    <row r="157" spans="1:1" ht="34.5" customHeight="1" x14ac:dyDescent="0.3">
      <c r="A157" s="66" t="s">
        <v>148</v>
      </c>
    </row>
    <row r="158" spans="1:1" ht="34.5" customHeight="1" x14ac:dyDescent="0.3">
      <c r="A158" s="66" t="s">
        <v>149</v>
      </c>
    </row>
    <row r="159" spans="1:1" ht="17.25" customHeight="1" x14ac:dyDescent="0.3">
      <c r="A159" s="65" t="s">
        <v>150</v>
      </c>
    </row>
    <row r="160" spans="1:1" ht="34.5" customHeight="1" x14ac:dyDescent="0.3">
      <c r="A160" s="66" t="s">
        <v>151</v>
      </c>
    </row>
    <row r="161" spans="1:1" ht="34.5" customHeight="1" x14ac:dyDescent="0.3">
      <c r="A161" s="66" t="s">
        <v>152</v>
      </c>
    </row>
    <row r="162" spans="1:1" ht="17.25" customHeight="1" x14ac:dyDescent="0.3">
      <c r="A162" s="66" t="s">
        <v>153</v>
      </c>
    </row>
    <row r="163" spans="1:1" ht="17.25" customHeight="1" x14ac:dyDescent="0.3">
      <c r="A163" s="65" t="s">
        <v>154</v>
      </c>
    </row>
    <row r="164" spans="1:1" ht="34.5" customHeight="1" x14ac:dyDescent="0.35">
      <c r="A164" s="71" t="s">
        <v>155</v>
      </c>
    </row>
    <row r="165" spans="1:1" ht="34.5" customHeight="1" x14ac:dyDescent="0.3">
      <c r="A165" s="66" t="s">
        <v>156</v>
      </c>
    </row>
    <row r="166" spans="1:1" ht="17.25" customHeight="1" x14ac:dyDescent="0.3">
      <c r="A166" s="65" t="s">
        <v>157</v>
      </c>
    </row>
    <row r="167" spans="1:1" ht="17.25" customHeight="1" x14ac:dyDescent="0.3">
      <c r="A167" s="66" t="s">
        <v>158</v>
      </c>
    </row>
    <row r="168" spans="1:1" ht="17.25" customHeight="1" x14ac:dyDescent="0.3">
      <c r="A168" s="65" t="s">
        <v>159</v>
      </c>
    </row>
    <row r="169" spans="1:1" ht="17.25" customHeight="1" x14ac:dyDescent="0.35">
      <c r="A169" s="71" t="s">
        <v>160</v>
      </c>
    </row>
    <row r="170" spans="1:1" ht="17.25" customHeight="1" x14ac:dyDescent="0.35">
      <c r="A170" s="71"/>
    </row>
    <row r="171" spans="1:1" ht="17.25" customHeight="1" x14ac:dyDescent="0.35">
      <c r="A171" s="71"/>
    </row>
    <row r="172" spans="1:1" ht="17.25" customHeight="1" x14ac:dyDescent="0.35">
      <c r="A172" s="71"/>
    </row>
    <row r="173" spans="1:1" ht="17.25" customHeight="1" x14ac:dyDescent="0.35">
      <c r="A173" s="71"/>
    </row>
    <row r="174" spans="1:1" ht="17.25" customHeight="1" x14ac:dyDescent="0.35">
      <c r="A174" s="71"/>
    </row>
  </sheetData>
  <pageMargins left="0.70866141732283472" right="0.70866141732283472" top="0.74803149606299213" bottom="0.74803149606299213" header="0.31496062992125978" footer="0.31496062992125978"/>
  <pageSetup paperSize="9" scale="50" fitToHeight="0" orientation="landscape"/>
  <headerFooter>
    <oddHeader>&amp;R&amp;G</oddHeader>
  </headerFooter>
  <rowBreaks count="1" manualBreakCount="1">
    <brk id="14"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00008B"/>
  </sheetPr>
  <dimension ref="A1:N146"/>
  <sheetViews>
    <sheetView zoomScale="80" zoomScaleNormal="80" workbookViewId="0">
      <selection activeCell="M71" sqref="M71"/>
    </sheetView>
  </sheetViews>
  <sheetFormatPr defaultRowHeight="14.4" x14ac:dyDescent="0.3"/>
  <cols>
    <col min="1" max="2" width="9.109375" style="203"/>
    <col min="3" max="3" width="28.109375" style="203" customWidth="1"/>
    <col min="4" max="4" width="12" style="203" customWidth="1"/>
    <col min="5" max="5" width="12.109375" style="203" customWidth="1"/>
    <col min="6" max="6" width="11.44140625" style="203" bestFit="1" customWidth="1"/>
    <col min="7" max="7" width="11.5546875" style="203" bestFit="1" customWidth="1"/>
    <col min="8" max="8" width="10.5546875" style="203" customWidth="1"/>
    <col min="9" max="10" width="12.88671875" style="203" customWidth="1"/>
    <col min="11" max="11" width="11.5546875" style="203" customWidth="1"/>
    <col min="12" max="12" width="11.5546875" style="203" bestFit="1" customWidth="1"/>
    <col min="13" max="258" width="9.109375" style="203"/>
    <col min="259" max="259" width="28.109375" style="203" customWidth="1"/>
    <col min="260" max="260" width="12" style="203" customWidth="1"/>
    <col min="261" max="261" width="12.109375" style="203" customWidth="1"/>
    <col min="262" max="262" width="11.44140625" style="203" bestFit="1" customWidth="1"/>
    <col min="263" max="264" width="10.5546875" style="203" customWidth="1"/>
    <col min="265" max="266" width="12.88671875" style="203" customWidth="1"/>
    <col min="267" max="267" width="11.5546875" style="203" customWidth="1"/>
    <col min="268" max="268" width="10.6640625" style="203" bestFit="1" customWidth="1"/>
    <col min="269" max="514" width="9.109375" style="203"/>
    <col min="515" max="515" width="28.109375" style="203" customWidth="1"/>
    <col min="516" max="516" width="12" style="203" customWidth="1"/>
    <col min="517" max="517" width="12.109375" style="203" customWidth="1"/>
    <col min="518" max="518" width="11.44140625" style="203" bestFit="1" customWidth="1"/>
    <col min="519" max="520" width="10.5546875" style="203" customWidth="1"/>
    <col min="521" max="522" width="12.88671875" style="203" customWidth="1"/>
    <col min="523" max="523" width="11.5546875" style="203" customWidth="1"/>
    <col min="524" max="524" width="10.6640625" style="203" bestFit="1" customWidth="1"/>
    <col min="525" max="770" width="9.109375" style="203"/>
    <col min="771" max="771" width="28.109375" style="203" customWidth="1"/>
    <col min="772" max="772" width="12" style="203" customWidth="1"/>
    <col min="773" max="773" width="12.109375" style="203" customWidth="1"/>
    <col min="774" max="774" width="11.44140625" style="203" bestFit="1" customWidth="1"/>
    <col min="775" max="776" width="10.5546875" style="203" customWidth="1"/>
    <col min="777" max="778" width="12.88671875" style="203" customWidth="1"/>
    <col min="779" max="779" width="11.5546875" style="203" customWidth="1"/>
    <col min="780" max="780" width="10.6640625" style="203" bestFit="1" customWidth="1"/>
    <col min="781" max="1026" width="9.109375" style="203"/>
    <col min="1027" max="1027" width="28.109375" style="203" customWidth="1"/>
    <col min="1028" max="1028" width="12" style="203" customWidth="1"/>
    <col min="1029" max="1029" width="12.109375" style="203" customWidth="1"/>
    <col min="1030" max="1030" width="11.44140625" style="203" bestFit="1" customWidth="1"/>
    <col min="1031" max="1032" width="10.5546875" style="203" customWidth="1"/>
    <col min="1033" max="1034" width="12.88671875" style="203" customWidth="1"/>
    <col min="1035" max="1035" width="11.5546875" style="203" customWidth="1"/>
    <col min="1036" max="1036" width="10.6640625" style="203" bestFit="1" customWidth="1"/>
    <col min="1037" max="1282" width="9.109375" style="203"/>
    <col min="1283" max="1283" width="28.109375" style="203" customWidth="1"/>
    <col min="1284" max="1284" width="12" style="203" customWidth="1"/>
    <col min="1285" max="1285" width="12.109375" style="203" customWidth="1"/>
    <col min="1286" max="1286" width="11.44140625" style="203" bestFit="1" customWidth="1"/>
    <col min="1287" max="1288" width="10.5546875" style="203" customWidth="1"/>
    <col min="1289" max="1290" width="12.88671875" style="203" customWidth="1"/>
    <col min="1291" max="1291" width="11.5546875" style="203" customWidth="1"/>
    <col min="1292" max="1292" width="10.6640625" style="203" bestFit="1" customWidth="1"/>
    <col min="1293" max="1538" width="9.109375" style="203"/>
    <col min="1539" max="1539" width="28.109375" style="203" customWidth="1"/>
    <col min="1540" max="1540" width="12" style="203" customWidth="1"/>
    <col min="1541" max="1541" width="12.109375" style="203" customWidth="1"/>
    <col min="1542" max="1542" width="11.44140625" style="203" bestFit="1" customWidth="1"/>
    <col min="1543" max="1544" width="10.5546875" style="203" customWidth="1"/>
    <col min="1545" max="1546" width="12.88671875" style="203" customWidth="1"/>
    <col min="1547" max="1547" width="11.5546875" style="203" customWidth="1"/>
    <col min="1548" max="1548" width="10.6640625" style="203" bestFit="1" customWidth="1"/>
    <col min="1549" max="1794" width="9.109375" style="203"/>
    <col min="1795" max="1795" width="28.109375" style="203" customWidth="1"/>
    <col min="1796" max="1796" width="12" style="203" customWidth="1"/>
    <col min="1797" max="1797" width="12.109375" style="203" customWidth="1"/>
    <col min="1798" max="1798" width="11.44140625" style="203" bestFit="1" customWidth="1"/>
    <col min="1799" max="1800" width="10.5546875" style="203" customWidth="1"/>
    <col min="1801" max="1802" width="12.88671875" style="203" customWidth="1"/>
    <col min="1803" max="1803" width="11.5546875" style="203" customWidth="1"/>
    <col min="1804" max="1804" width="10.6640625" style="203" bestFit="1" customWidth="1"/>
    <col min="1805" max="2050" width="9.109375" style="203"/>
    <col min="2051" max="2051" width="28.109375" style="203" customWidth="1"/>
    <col min="2052" max="2052" width="12" style="203" customWidth="1"/>
    <col min="2053" max="2053" width="12.109375" style="203" customWidth="1"/>
    <col min="2054" max="2054" width="11.44140625" style="203" bestFit="1" customWidth="1"/>
    <col min="2055" max="2056" width="10.5546875" style="203" customWidth="1"/>
    <col min="2057" max="2058" width="12.88671875" style="203" customWidth="1"/>
    <col min="2059" max="2059" width="11.5546875" style="203" customWidth="1"/>
    <col min="2060" max="2060" width="10.6640625" style="203" bestFit="1" customWidth="1"/>
    <col min="2061" max="2306" width="9.109375" style="203"/>
    <col min="2307" max="2307" width="28.109375" style="203" customWidth="1"/>
    <col min="2308" max="2308" width="12" style="203" customWidth="1"/>
    <col min="2309" max="2309" width="12.109375" style="203" customWidth="1"/>
    <col min="2310" max="2310" width="11.44140625" style="203" bestFit="1" customWidth="1"/>
    <col min="2311" max="2312" width="10.5546875" style="203" customWidth="1"/>
    <col min="2313" max="2314" width="12.88671875" style="203" customWidth="1"/>
    <col min="2315" max="2315" width="11.5546875" style="203" customWidth="1"/>
    <col min="2316" max="2316" width="10.6640625" style="203" bestFit="1" customWidth="1"/>
    <col min="2317" max="2562" width="9.109375" style="203"/>
    <col min="2563" max="2563" width="28.109375" style="203" customWidth="1"/>
    <col min="2564" max="2564" width="12" style="203" customWidth="1"/>
    <col min="2565" max="2565" width="12.109375" style="203" customWidth="1"/>
    <col min="2566" max="2566" width="11.44140625" style="203" bestFit="1" customWidth="1"/>
    <col min="2567" max="2568" width="10.5546875" style="203" customWidth="1"/>
    <col min="2569" max="2570" width="12.88671875" style="203" customWidth="1"/>
    <col min="2571" max="2571" width="11.5546875" style="203" customWidth="1"/>
    <col min="2572" max="2572" width="10.6640625" style="203" bestFit="1" customWidth="1"/>
    <col min="2573" max="2818" width="9.109375" style="203"/>
    <col min="2819" max="2819" width="28.109375" style="203" customWidth="1"/>
    <col min="2820" max="2820" width="12" style="203" customWidth="1"/>
    <col min="2821" max="2821" width="12.109375" style="203" customWidth="1"/>
    <col min="2822" max="2822" width="11.44140625" style="203" bestFit="1" customWidth="1"/>
    <col min="2823" max="2824" width="10.5546875" style="203" customWidth="1"/>
    <col min="2825" max="2826" width="12.88671875" style="203" customWidth="1"/>
    <col min="2827" max="2827" width="11.5546875" style="203" customWidth="1"/>
    <col min="2828" max="2828" width="10.6640625" style="203" bestFit="1" customWidth="1"/>
    <col min="2829" max="3074" width="9.109375" style="203"/>
    <col min="3075" max="3075" width="28.109375" style="203" customWidth="1"/>
    <col min="3076" max="3076" width="12" style="203" customWidth="1"/>
    <col min="3077" max="3077" width="12.109375" style="203" customWidth="1"/>
    <col min="3078" max="3078" width="11.44140625" style="203" bestFit="1" customWidth="1"/>
    <col min="3079" max="3080" width="10.5546875" style="203" customWidth="1"/>
    <col min="3081" max="3082" width="12.88671875" style="203" customWidth="1"/>
    <col min="3083" max="3083" width="11.5546875" style="203" customWidth="1"/>
    <col min="3084" max="3084" width="10.6640625" style="203" bestFit="1" customWidth="1"/>
    <col min="3085" max="3330" width="9.109375" style="203"/>
    <col min="3331" max="3331" width="28.109375" style="203" customWidth="1"/>
    <col min="3332" max="3332" width="12" style="203" customWidth="1"/>
    <col min="3333" max="3333" width="12.109375" style="203" customWidth="1"/>
    <col min="3334" max="3334" width="11.44140625" style="203" bestFit="1" customWidth="1"/>
    <col min="3335" max="3336" width="10.5546875" style="203" customWidth="1"/>
    <col min="3337" max="3338" width="12.88671875" style="203" customWidth="1"/>
    <col min="3339" max="3339" width="11.5546875" style="203" customWidth="1"/>
    <col min="3340" max="3340" width="10.6640625" style="203" bestFit="1" customWidth="1"/>
    <col min="3341" max="3586" width="9.109375" style="203"/>
    <col min="3587" max="3587" width="28.109375" style="203" customWidth="1"/>
    <col min="3588" max="3588" width="12" style="203" customWidth="1"/>
    <col min="3589" max="3589" width="12.109375" style="203" customWidth="1"/>
    <col min="3590" max="3590" width="11.44140625" style="203" bestFit="1" customWidth="1"/>
    <col min="3591" max="3592" width="10.5546875" style="203" customWidth="1"/>
    <col min="3593" max="3594" width="12.88671875" style="203" customWidth="1"/>
    <col min="3595" max="3595" width="11.5546875" style="203" customWidth="1"/>
    <col min="3596" max="3596" width="10.6640625" style="203" bestFit="1" customWidth="1"/>
    <col min="3597" max="3842" width="9.109375" style="203"/>
    <col min="3843" max="3843" width="28.109375" style="203" customWidth="1"/>
    <col min="3844" max="3844" width="12" style="203" customWidth="1"/>
    <col min="3845" max="3845" width="12.109375" style="203" customWidth="1"/>
    <col min="3846" max="3846" width="11.44140625" style="203" bestFit="1" customWidth="1"/>
    <col min="3847" max="3848" width="10.5546875" style="203" customWidth="1"/>
    <col min="3849" max="3850" width="12.88671875" style="203" customWidth="1"/>
    <col min="3851" max="3851" width="11.5546875" style="203" customWidth="1"/>
    <col min="3852" max="3852" width="10.6640625" style="203" bestFit="1" customWidth="1"/>
    <col min="3853" max="4098" width="9.109375" style="203"/>
    <col min="4099" max="4099" width="28.109375" style="203" customWidth="1"/>
    <col min="4100" max="4100" width="12" style="203" customWidth="1"/>
    <col min="4101" max="4101" width="12.109375" style="203" customWidth="1"/>
    <col min="4102" max="4102" width="11.44140625" style="203" bestFit="1" customWidth="1"/>
    <col min="4103" max="4104" width="10.5546875" style="203" customWidth="1"/>
    <col min="4105" max="4106" width="12.88671875" style="203" customWidth="1"/>
    <col min="4107" max="4107" width="11.5546875" style="203" customWidth="1"/>
    <col min="4108" max="4108" width="10.6640625" style="203" bestFit="1" customWidth="1"/>
    <col min="4109" max="4354" width="9.109375" style="203"/>
    <col min="4355" max="4355" width="28.109375" style="203" customWidth="1"/>
    <col min="4356" max="4356" width="12" style="203" customWidth="1"/>
    <col min="4357" max="4357" width="12.109375" style="203" customWidth="1"/>
    <col min="4358" max="4358" width="11.44140625" style="203" bestFit="1" customWidth="1"/>
    <col min="4359" max="4360" width="10.5546875" style="203" customWidth="1"/>
    <col min="4361" max="4362" width="12.88671875" style="203" customWidth="1"/>
    <col min="4363" max="4363" width="11.5546875" style="203" customWidth="1"/>
    <col min="4364" max="4364" width="10.6640625" style="203" bestFit="1" customWidth="1"/>
    <col min="4365" max="4610" width="9.109375" style="203"/>
    <col min="4611" max="4611" width="28.109375" style="203" customWidth="1"/>
    <col min="4612" max="4612" width="12" style="203" customWidth="1"/>
    <col min="4613" max="4613" width="12.109375" style="203" customWidth="1"/>
    <col min="4614" max="4614" width="11.44140625" style="203" bestFit="1" customWidth="1"/>
    <col min="4615" max="4616" width="10.5546875" style="203" customWidth="1"/>
    <col min="4617" max="4618" width="12.88671875" style="203" customWidth="1"/>
    <col min="4619" max="4619" width="11.5546875" style="203" customWidth="1"/>
    <col min="4620" max="4620" width="10.6640625" style="203" bestFit="1" customWidth="1"/>
    <col min="4621" max="4866" width="9.109375" style="203"/>
    <col min="4867" max="4867" width="28.109375" style="203" customWidth="1"/>
    <col min="4868" max="4868" width="12" style="203" customWidth="1"/>
    <col min="4869" max="4869" width="12.109375" style="203" customWidth="1"/>
    <col min="4870" max="4870" width="11.44140625" style="203" bestFit="1" customWidth="1"/>
    <col min="4871" max="4872" width="10.5546875" style="203" customWidth="1"/>
    <col min="4873" max="4874" width="12.88671875" style="203" customWidth="1"/>
    <col min="4875" max="4875" width="11.5546875" style="203" customWidth="1"/>
    <col min="4876" max="4876" width="10.6640625" style="203" bestFit="1" customWidth="1"/>
    <col min="4877" max="5122" width="9.109375" style="203"/>
    <col min="5123" max="5123" width="28.109375" style="203" customWidth="1"/>
    <col min="5124" max="5124" width="12" style="203" customWidth="1"/>
    <col min="5125" max="5125" width="12.109375" style="203" customWidth="1"/>
    <col min="5126" max="5126" width="11.44140625" style="203" bestFit="1" customWidth="1"/>
    <col min="5127" max="5128" width="10.5546875" style="203" customWidth="1"/>
    <col min="5129" max="5130" width="12.88671875" style="203" customWidth="1"/>
    <col min="5131" max="5131" width="11.5546875" style="203" customWidth="1"/>
    <col min="5132" max="5132" width="10.6640625" style="203" bestFit="1" customWidth="1"/>
    <col min="5133" max="5378" width="9.109375" style="203"/>
    <col min="5379" max="5379" width="28.109375" style="203" customWidth="1"/>
    <col min="5380" max="5380" width="12" style="203" customWidth="1"/>
    <col min="5381" max="5381" width="12.109375" style="203" customWidth="1"/>
    <col min="5382" max="5382" width="11.44140625" style="203" bestFit="1" customWidth="1"/>
    <col min="5383" max="5384" width="10.5546875" style="203" customWidth="1"/>
    <col min="5385" max="5386" width="12.88671875" style="203" customWidth="1"/>
    <col min="5387" max="5387" width="11.5546875" style="203" customWidth="1"/>
    <col min="5388" max="5388" width="10.6640625" style="203" bestFit="1" customWidth="1"/>
    <col min="5389" max="5634" width="9.109375" style="203"/>
    <col min="5635" max="5635" width="28.109375" style="203" customWidth="1"/>
    <col min="5636" max="5636" width="12" style="203" customWidth="1"/>
    <col min="5637" max="5637" width="12.109375" style="203" customWidth="1"/>
    <col min="5638" max="5638" width="11.44140625" style="203" bestFit="1" customWidth="1"/>
    <col min="5639" max="5640" width="10.5546875" style="203" customWidth="1"/>
    <col min="5641" max="5642" width="12.88671875" style="203" customWidth="1"/>
    <col min="5643" max="5643" width="11.5546875" style="203" customWidth="1"/>
    <col min="5644" max="5644" width="10.6640625" style="203" bestFit="1" customWidth="1"/>
    <col min="5645" max="5890" width="9.109375" style="203"/>
    <col min="5891" max="5891" width="28.109375" style="203" customWidth="1"/>
    <col min="5892" max="5892" width="12" style="203" customWidth="1"/>
    <col min="5893" max="5893" width="12.109375" style="203" customWidth="1"/>
    <col min="5894" max="5894" width="11.44140625" style="203" bestFit="1" customWidth="1"/>
    <col min="5895" max="5896" width="10.5546875" style="203" customWidth="1"/>
    <col min="5897" max="5898" width="12.88671875" style="203" customWidth="1"/>
    <col min="5899" max="5899" width="11.5546875" style="203" customWidth="1"/>
    <col min="5900" max="5900" width="10.6640625" style="203" bestFit="1" customWidth="1"/>
    <col min="5901" max="6146" width="9.109375" style="203"/>
    <col min="6147" max="6147" width="28.109375" style="203" customWidth="1"/>
    <col min="6148" max="6148" width="12" style="203" customWidth="1"/>
    <col min="6149" max="6149" width="12.109375" style="203" customWidth="1"/>
    <col min="6150" max="6150" width="11.44140625" style="203" bestFit="1" customWidth="1"/>
    <col min="6151" max="6152" width="10.5546875" style="203" customWidth="1"/>
    <col min="6153" max="6154" width="12.88671875" style="203" customWidth="1"/>
    <col min="6155" max="6155" width="11.5546875" style="203" customWidth="1"/>
    <col min="6156" max="6156" width="10.6640625" style="203" bestFit="1" customWidth="1"/>
    <col min="6157" max="6402" width="9.109375" style="203"/>
    <col min="6403" max="6403" width="28.109375" style="203" customWidth="1"/>
    <col min="6404" max="6404" width="12" style="203" customWidth="1"/>
    <col min="6405" max="6405" width="12.109375" style="203" customWidth="1"/>
    <col min="6406" max="6406" width="11.44140625" style="203" bestFit="1" customWidth="1"/>
    <col min="6407" max="6408" width="10.5546875" style="203" customWidth="1"/>
    <col min="6409" max="6410" width="12.88671875" style="203" customWidth="1"/>
    <col min="6411" max="6411" width="11.5546875" style="203" customWidth="1"/>
    <col min="6412" max="6412" width="10.6640625" style="203" bestFit="1" customWidth="1"/>
    <col min="6413" max="6658" width="9.109375" style="203"/>
    <col min="6659" max="6659" width="28.109375" style="203" customWidth="1"/>
    <col min="6660" max="6660" width="12" style="203" customWidth="1"/>
    <col min="6661" max="6661" width="12.109375" style="203" customWidth="1"/>
    <col min="6662" max="6662" width="11.44140625" style="203" bestFit="1" customWidth="1"/>
    <col min="6663" max="6664" width="10.5546875" style="203" customWidth="1"/>
    <col min="6665" max="6666" width="12.88671875" style="203" customWidth="1"/>
    <col min="6667" max="6667" width="11.5546875" style="203" customWidth="1"/>
    <col min="6668" max="6668" width="10.6640625" style="203" bestFit="1" customWidth="1"/>
    <col min="6669" max="6914" width="9.109375" style="203"/>
    <col min="6915" max="6915" width="28.109375" style="203" customWidth="1"/>
    <col min="6916" max="6916" width="12" style="203" customWidth="1"/>
    <col min="6917" max="6917" width="12.109375" style="203" customWidth="1"/>
    <col min="6918" max="6918" width="11.44140625" style="203" bestFit="1" customWidth="1"/>
    <col min="6919" max="6920" width="10.5546875" style="203" customWidth="1"/>
    <col min="6921" max="6922" width="12.88671875" style="203" customWidth="1"/>
    <col min="6923" max="6923" width="11.5546875" style="203" customWidth="1"/>
    <col min="6924" max="6924" width="10.6640625" style="203" bestFit="1" customWidth="1"/>
    <col min="6925" max="7170" width="9.109375" style="203"/>
    <col min="7171" max="7171" width="28.109375" style="203" customWidth="1"/>
    <col min="7172" max="7172" width="12" style="203" customWidth="1"/>
    <col min="7173" max="7173" width="12.109375" style="203" customWidth="1"/>
    <col min="7174" max="7174" width="11.44140625" style="203" bestFit="1" customWidth="1"/>
    <col min="7175" max="7176" width="10.5546875" style="203" customWidth="1"/>
    <col min="7177" max="7178" width="12.88671875" style="203" customWidth="1"/>
    <col min="7179" max="7179" width="11.5546875" style="203" customWidth="1"/>
    <col min="7180" max="7180" width="10.6640625" style="203" bestFit="1" customWidth="1"/>
    <col min="7181" max="7426" width="9.109375" style="203"/>
    <col min="7427" max="7427" width="28.109375" style="203" customWidth="1"/>
    <col min="7428" max="7428" width="12" style="203" customWidth="1"/>
    <col min="7429" max="7429" width="12.109375" style="203" customWidth="1"/>
    <col min="7430" max="7430" width="11.44140625" style="203" bestFit="1" customWidth="1"/>
    <col min="7431" max="7432" width="10.5546875" style="203" customWidth="1"/>
    <col min="7433" max="7434" width="12.88671875" style="203" customWidth="1"/>
    <col min="7435" max="7435" width="11.5546875" style="203" customWidth="1"/>
    <col min="7436" max="7436" width="10.6640625" style="203" bestFit="1" customWidth="1"/>
    <col min="7437" max="7682" width="9.109375" style="203"/>
    <col min="7683" max="7683" width="28.109375" style="203" customWidth="1"/>
    <col min="7684" max="7684" width="12" style="203" customWidth="1"/>
    <col min="7685" max="7685" width="12.109375" style="203" customWidth="1"/>
    <col min="7686" max="7686" width="11.44140625" style="203" bestFit="1" customWidth="1"/>
    <col min="7687" max="7688" width="10.5546875" style="203" customWidth="1"/>
    <col min="7689" max="7690" width="12.88671875" style="203" customWidth="1"/>
    <col min="7691" max="7691" width="11.5546875" style="203" customWidth="1"/>
    <col min="7692" max="7692" width="10.6640625" style="203" bestFit="1" customWidth="1"/>
    <col min="7693" max="7938" width="9.109375" style="203"/>
    <col min="7939" max="7939" width="28.109375" style="203" customWidth="1"/>
    <col min="7940" max="7940" width="12" style="203" customWidth="1"/>
    <col min="7941" max="7941" width="12.109375" style="203" customWidth="1"/>
    <col min="7942" max="7942" width="11.44140625" style="203" bestFit="1" customWidth="1"/>
    <col min="7943" max="7944" width="10.5546875" style="203" customWidth="1"/>
    <col min="7945" max="7946" width="12.88671875" style="203" customWidth="1"/>
    <col min="7947" max="7947" width="11.5546875" style="203" customWidth="1"/>
    <col min="7948" max="7948" width="10.6640625" style="203" bestFit="1" customWidth="1"/>
    <col min="7949" max="8194" width="9.109375" style="203"/>
    <col min="8195" max="8195" width="28.109375" style="203" customWidth="1"/>
    <col min="8196" max="8196" width="12" style="203" customWidth="1"/>
    <col min="8197" max="8197" width="12.109375" style="203" customWidth="1"/>
    <col min="8198" max="8198" width="11.44140625" style="203" bestFit="1" customWidth="1"/>
    <col min="8199" max="8200" width="10.5546875" style="203" customWidth="1"/>
    <col min="8201" max="8202" width="12.88671875" style="203" customWidth="1"/>
    <col min="8203" max="8203" width="11.5546875" style="203" customWidth="1"/>
    <col min="8204" max="8204" width="10.6640625" style="203" bestFit="1" customWidth="1"/>
    <col min="8205" max="8450" width="9.109375" style="203"/>
    <col min="8451" max="8451" width="28.109375" style="203" customWidth="1"/>
    <col min="8452" max="8452" width="12" style="203" customWidth="1"/>
    <col min="8453" max="8453" width="12.109375" style="203" customWidth="1"/>
    <col min="8454" max="8454" width="11.44140625" style="203" bestFit="1" customWidth="1"/>
    <col min="8455" max="8456" width="10.5546875" style="203" customWidth="1"/>
    <col min="8457" max="8458" width="12.88671875" style="203" customWidth="1"/>
    <col min="8459" max="8459" width="11.5546875" style="203" customWidth="1"/>
    <col min="8460" max="8460" width="10.6640625" style="203" bestFit="1" customWidth="1"/>
    <col min="8461" max="8706" width="9.109375" style="203"/>
    <col min="8707" max="8707" width="28.109375" style="203" customWidth="1"/>
    <col min="8708" max="8708" width="12" style="203" customWidth="1"/>
    <col min="8709" max="8709" width="12.109375" style="203" customWidth="1"/>
    <col min="8710" max="8710" width="11.44140625" style="203" bestFit="1" customWidth="1"/>
    <col min="8711" max="8712" width="10.5546875" style="203" customWidth="1"/>
    <col min="8713" max="8714" width="12.88671875" style="203" customWidth="1"/>
    <col min="8715" max="8715" width="11.5546875" style="203" customWidth="1"/>
    <col min="8716" max="8716" width="10.6640625" style="203" bestFit="1" customWidth="1"/>
    <col min="8717" max="8962" width="9.109375" style="203"/>
    <col min="8963" max="8963" width="28.109375" style="203" customWidth="1"/>
    <col min="8964" max="8964" width="12" style="203" customWidth="1"/>
    <col min="8965" max="8965" width="12.109375" style="203" customWidth="1"/>
    <col min="8966" max="8966" width="11.44140625" style="203" bestFit="1" customWidth="1"/>
    <col min="8967" max="8968" width="10.5546875" style="203" customWidth="1"/>
    <col min="8969" max="8970" width="12.88671875" style="203" customWidth="1"/>
    <col min="8971" max="8971" width="11.5546875" style="203" customWidth="1"/>
    <col min="8972" max="8972" width="10.6640625" style="203" bestFit="1" customWidth="1"/>
    <col min="8973" max="9218" width="9.109375" style="203"/>
    <col min="9219" max="9219" width="28.109375" style="203" customWidth="1"/>
    <col min="9220" max="9220" width="12" style="203" customWidth="1"/>
    <col min="9221" max="9221" width="12.109375" style="203" customWidth="1"/>
    <col min="9222" max="9222" width="11.44140625" style="203" bestFit="1" customWidth="1"/>
    <col min="9223" max="9224" width="10.5546875" style="203" customWidth="1"/>
    <col min="9225" max="9226" width="12.88671875" style="203" customWidth="1"/>
    <col min="9227" max="9227" width="11.5546875" style="203" customWidth="1"/>
    <col min="9228" max="9228" width="10.6640625" style="203" bestFit="1" customWidth="1"/>
    <col min="9229" max="9474" width="9.109375" style="203"/>
    <col min="9475" max="9475" width="28.109375" style="203" customWidth="1"/>
    <col min="9476" max="9476" width="12" style="203" customWidth="1"/>
    <col min="9477" max="9477" width="12.109375" style="203" customWidth="1"/>
    <col min="9478" max="9478" width="11.44140625" style="203" bestFit="1" customWidth="1"/>
    <col min="9479" max="9480" width="10.5546875" style="203" customWidth="1"/>
    <col min="9481" max="9482" width="12.88671875" style="203" customWidth="1"/>
    <col min="9483" max="9483" width="11.5546875" style="203" customWidth="1"/>
    <col min="9484" max="9484" width="10.6640625" style="203" bestFit="1" customWidth="1"/>
    <col min="9485" max="9730" width="9.109375" style="203"/>
    <col min="9731" max="9731" width="28.109375" style="203" customWidth="1"/>
    <col min="9732" max="9732" width="12" style="203" customWidth="1"/>
    <col min="9733" max="9733" width="12.109375" style="203" customWidth="1"/>
    <col min="9734" max="9734" width="11.44140625" style="203" bestFit="1" customWidth="1"/>
    <col min="9735" max="9736" width="10.5546875" style="203" customWidth="1"/>
    <col min="9737" max="9738" width="12.88671875" style="203" customWidth="1"/>
    <col min="9739" max="9739" width="11.5546875" style="203" customWidth="1"/>
    <col min="9740" max="9740" width="10.6640625" style="203" bestFit="1" customWidth="1"/>
    <col min="9741" max="9986" width="9.109375" style="203"/>
    <col min="9987" max="9987" width="28.109375" style="203" customWidth="1"/>
    <col min="9988" max="9988" width="12" style="203" customWidth="1"/>
    <col min="9989" max="9989" width="12.109375" style="203" customWidth="1"/>
    <col min="9990" max="9990" width="11.44140625" style="203" bestFit="1" customWidth="1"/>
    <col min="9991" max="9992" width="10.5546875" style="203" customWidth="1"/>
    <col min="9993" max="9994" width="12.88671875" style="203" customWidth="1"/>
    <col min="9995" max="9995" width="11.5546875" style="203" customWidth="1"/>
    <col min="9996" max="9996" width="10.6640625" style="203" bestFit="1" customWidth="1"/>
    <col min="9997" max="10242" width="9.109375" style="203"/>
    <col min="10243" max="10243" width="28.109375" style="203" customWidth="1"/>
    <col min="10244" max="10244" width="12" style="203" customWidth="1"/>
    <col min="10245" max="10245" width="12.109375" style="203" customWidth="1"/>
    <col min="10246" max="10246" width="11.44140625" style="203" bestFit="1" customWidth="1"/>
    <col min="10247" max="10248" width="10.5546875" style="203" customWidth="1"/>
    <col min="10249" max="10250" width="12.88671875" style="203" customWidth="1"/>
    <col min="10251" max="10251" width="11.5546875" style="203" customWidth="1"/>
    <col min="10252" max="10252" width="10.6640625" style="203" bestFit="1" customWidth="1"/>
    <col min="10253" max="10498" width="9.109375" style="203"/>
    <col min="10499" max="10499" width="28.109375" style="203" customWidth="1"/>
    <col min="10500" max="10500" width="12" style="203" customWidth="1"/>
    <col min="10501" max="10501" width="12.109375" style="203" customWidth="1"/>
    <col min="10502" max="10502" width="11.44140625" style="203" bestFit="1" customWidth="1"/>
    <col min="10503" max="10504" width="10.5546875" style="203" customWidth="1"/>
    <col min="10505" max="10506" width="12.88671875" style="203" customWidth="1"/>
    <col min="10507" max="10507" width="11.5546875" style="203" customWidth="1"/>
    <col min="10508" max="10508" width="10.6640625" style="203" bestFit="1" customWidth="1"/>
    <col min="10509" max="10754" width="9.109375" style="203"/>
    <col min="10755" max="10755" width="28.109375" style="203" customWidth="1"/>
    <col min="10756" max="10756" width="12" style="203" customWidth="1"/>
    <col min="10757" max="10757" width="12.109375" style="203" customWidth="1"/>
    <col min="10758" max="10758" width="11.44140625" style="203" bestFit="1" customWidth="1"/>
    <col min="10759" max="10760" width="10.5546875" style="203" customWidth="1"/>
    <col min="10761" max="10762" width="12.88671875" style="203" customWidth="1"/>
    <col min="10763" max="10763" width="11.5546875" style="203" customWidth="1"/>
    <col min="10764" max="10764" width="10.6640625" style="203" bestFit="1" customWidth="1"/>
    <col min="10765" max="11010" width="9.109375" style="203"/>
    <col min="11011" max="11011" width="28.109375" style="203" customWidth="1"/>
    <col min="11012" max="11012" width="12" style="203" customWidth="1"/>
    <col min="11013" max="11013" width="12.109375" style="203" customWidth="1"/>
    <col min="11014" max="11014" width="11.44140625" style="203" bestFit="1" customWidth="1"/>
    <col min="11015" max="11016" width="10.5546875" style="203" customWidth="1"/>
    <col min="11017" max="11018" width="12.88671875" style="203" customWidth="1"/>
    <col min="11019" max="11019" width="11.5546875" style="203" customWidth="1"/>
    <col min="11020" max="11020" width="10.6640625" style="203" bestFit="1" customWidth="1"/>
    <col min="11021" max="11266" width="9.109375" style="203"/>
    <col min="11267" max="11267" width="28.109375" style="203" customWidth="1"/>
    <col min="11268" max="11268" width="12" style="203" customWidth="1"/>
    <col min="11269" max="11269" width="12.109375" style="203" customWidth="1"/>
    <col min="11270" max="11270" width="11.44140625" style="203" bestFit="1" customWidth="1"/>
    <col min="11271" max="11272" width="10.5546875" style="203" customWidth="1"/>
    <col min="11273" max="11274" width="12.88671875" style="203" customWidth="1"/>
    <col min="11275" max="11275" width="11.5546875" style="203" customWidth="1"/>
    <col min="11276" max="11276" width="10.6640625" style="203" bestFit="1" customWidth="1"/>
    <col min="11277" max="11522" width="9.109375" style="203"/>
    <col min="11523" max="11523" width="28.109375" style="203" customWidth="1"/>
    <col min="11524" max="11524" width="12" style="203" customWidth="1"/>
    <col min="11525" max="11525" width="12.109375" style="203" customWidth="1"/>
    <col min="11526" max="11526" width="11.44140625" style="203" bestFit="1" customWidth="1"/>
    <col min="11527" max="11528" width="10.5546875" style="203" customWidth="1"/>
    <col min="11529" max="11530" width="12.88671875" style="203" customWidth="1"/>
    <col min="11531" max="11531" width="11.5546875" style="203" customWidth="1"/>
    <col min="11532" max="11532" width="10.6640625" style="203" bestFit="1" customWidth="1"/>
    <col min="11533" max="11778" width="9.109375" style="203"/>
    <col min="11779" max="11779" width="28.109375" style="203" customWidth="1"/>
    <col min="11780" max="11780" width="12" style="203" customWidth="1"/>
    <col min="11781" max="11781" width="12.109375" style="203" customWidth="1"/>
    <col min="11782" max="11782" width="11.44140625" style="203" bestFit="1" customWidth="1"/>
    <col min="11783" max="11784" width="10.5546875" style="203" customWidth="1"/>
    <col min="11785" max="11786" width="12.88671875" style="203" customWidth="1"/>
    <col min="11787" max="11787" width="11.5546875" style="203" customWidth="1"/>
    <col min="11788" max="11788" width="10.6640625" style="203" bestFit="1" customWidth="1"/>
    <col min="11789" max="12034" width="9.109375" style="203"/>
    <col min="12035" max="12035" width="28.109375" style="203" customWidth="1"/>
    <col min="12036" max="12036" width="12" style="203" customWidth="1"/>
    <col min="12037" max="12037" width="12.109375" style="203" customWidth="1"/>
    <col min="12038" max="12038" width="11.44140625" style="203" bestFit="1" customWidth="1"/>
    <col min="12039" max="12040" width="10.5546875" style="203" customWidth="1"/>
    <col min="12041" max="12042" width="12.88671875" style="203" customWidth="1"/>
    <col min="12043" max="12043" width="11.5546875" style="203" customWidth="1"/>
    <col min="12044" max="12044" width="10.6640625" style="203" bestFit="1" customWidth="1"/>
    <col min="12045" max="12290" width="9.109375" style="203"/>
    <col min="12291" max="12291" width="28.109375" style="203" customWidth="1"/>
    <col min="12292" max="12292" width="12" style="203" customWidth="1"/>
    <col min="12293" max="12293" width="12.109375" style="203" customWidth="1"/>
    <col min="12294" max="12294" width="11.44140625" style="203" bestFit="1" customWidth="1"/>
    <col min="12295" max="12296" width="10.5546875" style="203" customWidth="1"/>
    <col min="12297" max="12298" width="12.88671875" style="203" customWidth="1"/>
    <col min="12299" max="12299" width="11.5546875" style="203" customWidth="1"/>
    <col min="12300" max="12300" width="10.6640625" style="203" bestFit="1" customWidth="1"/>
    <col min="12301" max="12546" width="9.109375" style="203"/>
    <col min="12547" max="12547" width="28.109375" style="203" customWidth="1"/>
    <col min="12548" max="12548" width="12" style="203" customWidth="1"/>
    <col min="12549" max="12549" width="12.109375" style="203" customWidth="1"/>
    <col min="12550" max="12550" width="11.44140625" style="203" bestFit="1" customWidth="1"/>
    <col min="12551" max="12552" width="10.5546875" style="203" customWidth="1"/>
    <col min="12553" max="12554" width="12.88671875" style="203" customWidth="1"/>
    <col min="12555" max="12555" width="11.5546875" style="203" customWidth="1"/>
    <col min="12556" max="12556" width="10.6640625" style="203" bestFit="1" customWidth="1"/>
    <col min="12557" max="12802" width="9.109375" style="203"/>
    <col min="12803" max="12803" width="28.109375" style="203" customWidth="1"/>
    <col min="12804" max="12804" width="12" style="203" customWidth="1"/>
    <col min="12805" max="12805" width="12.109375" style="203" customWidth="1"/>
    <col min="12806" max="12806" width="11.44140625" style="203" bestFit="1" customWidth="1"/>
    <col min="12807" max="12808" width="10.5546875" style="203" customWidth="1"/>
    <col min="12809" max="12810" width="12.88671875" style="203" customWidth="1"/>
    <col min="12811" max="12811" width="11.5546875" style="203" customWidth="1"/>
    <col min="12812" max="12812" width="10.6640625" style="203" bestFit="1" customWidth="1"/>
    <col min="12813" max="13058" width="9.109375" style="203"/>
    <col min="13059" max="13059" width="28.109375" style="203" customWidth="1"/>
    <col min="13060" max="13060" width="12" style="203" customWidth="1"/>
    <col min="13061" max="13061" width="12.109375" style="203" customWidth="1"/>
    <col min="13062" max="13062" width="11.44140625" style="203" bestFit="1" customWidth="1"/>
    <col min="13063" max="13064" width="10.5546875" style="203" customWidth="1"/>
    <col min="13065" max="13066" width="12.88671875" style="203" customWidth="1"/>
    <col min="13067" max="13067" width="11.5546875" style="203" customWidth="1"/>
    <col min="13068" max="13068" width="10.6640625" style="203" bestFit="1" customWidth="1"/>
    <col min="13069" max="13314" width="9.109375" style="203"/>
    <col min="13315" max="13315" width="28.109375" style="203" customWidth="1"/>
    <col min="13316" max="13316" width="12" style="203" customWidth="1"/>
    <col min="13317" max="13317" width="12.109375" style="203" customWidth="1"/>
    <col min="13318" max="13318" width="11.44140625" style="203" bestFit="1" customWidth="1"/>
    <col min="13319" max="13320" width="10.5546875" style="203" customWidth="1"/>
    <col min="13321" max="13322" width="12.88671875" style="203" customWidth="1"/>
    <col min="13323" max="13323" width="11.5546875" style="203" customWidth="1"/>
    <col min="13324" max="13324" width="10.6640625" style="203" bestFit="1" customWidth="1"/>
    <col min="13325" max="13570" width="9.109375" style="203"/>
    <col min="13571" max="13571" width="28.109375" style="203" customWidth="1"/>
    <col min="13572" max="13572" width="12" style="203" customWidth="1"/>
    <col min="13573" max="13573" width="12.109375" style="203" customWidth="1"/>
    <col min="13574" max="13574" width="11.44140625" style="203" bestFit="1" customWidth="1"/>
    <col min="13575" max="13576" width="10.5546875" style="203" customWidth="1"/>
    <col min="13577" max="13578" width="12.88671875" style="203" customWidth="1"/>
    <col min="13579" max="13579" width="11.5546875" style="203" customWidth="1"/>
    <col min="13580" max="13580" width="10.6640625" style="203" bestFit="1" customWidth="1"/>
    <col min="13581" max="13826" width="9.109375" style="203"/>
    <col min="13827" max="13827" width="28.109375" style="203" customWidth="1"/>
    <col min="13828" max="13828" width="12" style="203" customWidth="1"/>
    <col min="13829" max="13829" width="12.109375" style="203" customWidth="1"/>
    <col min="13830" max="13830" width="11.44140625" style="203" bestFit="1" customWidth="1"/>
    <col min="13831" max="13832" width="10.5546875" style="203" customWidth="1"/>
    <col min="13833" max="13834" width="12.88671875" style="203" customWidth="1"/>
    <col min="13835" max="13835" width="11.5546875" style="203" customWidth="1"/>
    <col min="13836" max="13836" width="10.6640625" style="203" bestFit="1" customWidth="1"/>
    <col min="13837" max="14082" width="9.109375" style="203"/>
    <col min="14083" max="14083" width="28.109375" style="203" customWidth="1"/>
    <col min="14084" max="14084" width="12" style="203" customWidth="1"/>
    <col min="14085" max="14085" width="12.109375" style="203" customWidth="1"/>
    <col min="14086" max="14086" width="11.44140625" style="203" bestFit="1" customWidth="1"/>
    <col min="14087" max="14088" width="10.5546875" style="203" customWidth="1"/>
    <col min="14089" max="14090" width="12.88671875" style="203" customWidth="1"/>
    <col min="14091" max="14091" width="11.5546875" style="203" customWidth="1"/>
    <col min="14092" max="14092" width="10.6640625" style="203" bestFit="1" customWidth="1"/>
    <col min="14093" max="14338" width="9.109375" style="203"/>
    <col min="14339" max="14339" width="28.109375" style="203" customWidth="1"/>
    <col min="14340" max="14340" width="12" style="203" customWidth="1"/>
    <col min="14341" max="14341" width="12.109375" style="203" customWidth="1"/>
    <col min="14342" max="14342" width="11.44140625" style="203" bestFit="1" customWidth="1"/>
    <col min="14343" max="14344" width="10.5546875" style="203" customWidth="1"/>
    <col min="14345" max="14346" width="12.88671875" style="203" customWidth="1"/>
    <col min="14347" max="14347" width="11.5546875" style="203" customWidth="1"/>
    <col min="14348" max="14348" width="10.6640625" style="203" bestFit="1" customWidth="1"/>
    <col min="14349" max="14594" width="9.109375" style="203"/>
    <col min="14595" max="14595" width="28.109375" style="203" customWidth="1"/>
    <col min="14596" max="14596" width="12" style="203" customWidth="1"/>
    <col min="14597" max="14597" width="12.109375" style="203" customWidth="1"/>
    <col min="14598" max="14598" width="11.44140625" style="203" bestFit="1" customWidth="1"/>
    <col min="14599" max="14600" width="10.5546875" style="203" customWidth="1"/>
    <col min="14601" max="14602" width="12.88671875" style="203" customWidth="1"/>
    <col min="14603" max="14603" width="11.5546875" style="203" customWidth="1"/>
    <col min="14604" max="14604" width="10.6640625" style="203" bestFit="1" customWidth="1"/>
    <col min="14605" max="14850" width="9.109375" style="203"/>
    <col min="14851" max="14851" width="28.109375" style="203" customWidth="1"/>
    <col min="14852" max="14852" width="12" style="203" customWidth="1"/>
    <col min="14853" max="14853" width="12.109375" style="203" customWidth="1"/>
    <col min="14854" max="14854" width="11.44140625" style="203" bestFit="1" customWidth="1"/>
    <col min="14855" max="14856" width="10.5546875" style="203" customWidth="1"/>
    <col min="14857" max="14858" width="12.88671875" style="203" customWidth="1"/>
    <col min="14859" max="14859" width="11.5546875" style="203" customWidth="1"/>
    <col min="14860" max="14860" width="10.6640625" style="203" bestFit="1" customWidth="1"/>
    <col min="14861" max="15106" width="9.109375" style="203"/>
    <col min="15107" max="15107" width="28.109375" style="203" customWidth="1"/>
    <col min="15108" max="15108" width="12" style="203" customWidth="1"/>
    <col min="15109" max="15109" width="12.109375" style="203" customWidth="1"/>
    <col min="15110" max="15110" width="11.44140625" style="203" bestFit="1" customWidth="1"/>
    <col min="15111" max="15112" width="10.5546875" style="203" customWidth="1"/>
    <col min="15113" max="15114" width="12.88671875" style="203" customWidth="1"/>
    <col min="15115" max="15115" width="11.5546875" style="203" customWidth="1"/>
    <col min="15116" max="15116" width="10.6640625" style="203" bestFit="1" customWidth="1"/>
    <col min="15117" max="15362" width="9.109375" style="203"/>
    <col min="15363" max="15363" width="28.109375" style="203" customWidth="1"/>
    <col min="15364" max="15364" width="12" style="203" customWidth="1"/>
    <col min="15365" max="15365" width="12.109375" style="203" customWidth="1"/>
    <col min="15366" max="15366" width="11.44140625" style="203" bestFit="1" customWidth="1"/>
    <col min="15367" max="15368" width="10.5546875" style="203" customWidth="1"/>
    <col min="15369" max="15370" width="12.88671875" style="203" customWidth="1"/>
    <col min="15371" max="15371" width="11.5546875" style="203" customWidth="1"/>
    <col min="15372" max="15372" width="10.6640625" style="203" bestFit="1" customWidth="1"/>
    <col min="15373" max="15618" width="9.109375" style="203"/>
    <col min="15619" max="15619" width="28.109375" style="203" customWidth="1"/>
    <col min="15620" max="15620" width="12" style="203" customWidth="1"/>
    <col min="15621" max="15621" width="12.109375" style="203" customWidth="1"/>
    <col min="15622" max="15622" width="11.44140625" style="203" bestFit="1" customWidth="1"/>
    <col min="15623" max="15624" width="10.5546875" style="203" customWidth="1"/>
    <col min="15625" max="15626" width="12.88671875" style="203" customWidth="1"/>
    <col min="15627" max="15627" width="11.5546875" style="203" customWidth="1"/>
    <col min="15628" max="15628" width="10.6640625" style="203" bestFit="1" customWidth="1"/>
    <col min="15629" max="15874" width="9.109375" style="203"/>
    <col min="15875" max="15875" width="28.109375" style="203" customWidth="1"/>
    <col min="15876" max="15876" width="12" style="203" customWidth="1"/>
    <col min="15877" max="15877" width="12.109375" style="203" customWidth="1"/>
    <col min="15878" max="15878" width="11.44140625" style="203" bestFit="1" customWidth="1"/>
    <col min="15879" max="15880" width="10.5546875" style="203" customWidth="1"/>
    <col min="15881" max="15882" width="12.88671875" style="203" customWidth="1"/>
    <col min="15883" max="15883" width="11.5546875" style="203" customWidth="1"/>
    <col min="15884" max="15884" width="10.6640625" style="203" bestFit="1" customWidth="1"/>
    <col min="15885" max="16130" width="9.109375" style="203"/>
    <col min="16131" max="16131" width="28.109375" style="203" customWidth="1"/>
    <col min="16132" max="16132" width="12" style="203" customWidth="1"/>
    <col min="16133" max="16133" width="12.109375" style="203" customWidth="1"/>
    <col min="16134" max="16134" width="11.44140625" style="203" bestFit="1" customWidth="1"/>
    <col min="16135" max="16136" width="10.5546875" style="203" customWidth="1"/>
    <col min="16137" max="16138" width="12.88671875" style="203" customWidth="1"/>
    <col min="16139" max="16139" width="11.5546875" style="203" customWidth="1"/>
    <col min="16140" max="16140" width="10.6640625" style="203" bestFit="1" customWidth="1"/>
    <col min="16141" max="16384" width="9.109375" style="203"/>
  </cols>
  <sheetData>
    <row r="1" spans="1:14" ht="28.5" customHeight="1" x14ac:dyDescent="0.3">
      <c r="B1" s="204" t="s">
        <v>2872</v>
      </c>
    </row>
    <row r="2" spans="1:14" ht="61.5" customHeight="1" x14ac:dyDescent="0.3">
      <c r="A2" s="205"/>
      <c r="B2" s="206"/>
      <c r="C2" s="206"/>
      <c r="D2" s="206"/>
      <c r="E2" s="206"/>
      <c r="F2" s="206"/>
      <c r="G2" s="206"/>
      <c r="H2" s="206"/>
      <c r="I2" s="206"/>
      <c r="J2" s="206"/>
      <c r="K2" s="206"/>
      <c r="L2" s="206"/>
      <c r="M2" s="206"/>
      <c r="N2" s="206"/>
    </row>
    <row r="3" spans="1:14" ht="18" x14ac:dyDescent="0.35">
      <c r="B3" s="206"/>
      <c r="C3" s="207" t="s">
        <v>2873</v>
      </c>
      <c r="N3" s="206"/>
    </row>
    <row r="4" spans="1:14" ht="15" customHeight="1" x14ac:dyDescent="0.3">
      <c r="B4" s="206"/>
      <c r="C4" s="206"/>
      <c r="D4" s="206"/>
      <c r="E4" s="206"/>
      <c r="F4" s="206"/>
      <c r="G4" s="206"/>
      <c r="H4" s="206"/>
      <c r="I4" s="206"/>
      <c r="J4" s="206"/>
      <c r="K4" s="206"/>
      <c r="L4" s="206"/>
      <c r="M4" s="206"/>
      <c r="N4" s="206"/>
    </row>
    <row r="5" spans="1:14" x14ac:dyDescent="0.3">
      <c r="B5" s="206"/>
      <c r="C5" s="208" t="s">
        <v>2874</v>
      </c>
      <c r="D5" s="294" t="s">
        <v>2875</v>
      </c>
      <c r="E5" s="295"/>
      <c r="F5" s="296"/>
      <c r="G5" s="206"/>
      <c r="H5" s="206"/>
      <c r="I5" s="209" t="s">
        <v>2876</v>
      </c>
      <c r="J5" s="209"/>
      <c r="K5" s="209"/>
      <c r="L5" s="209"/>
      <c r="M5" s="206"/>
      <c r="N5" s="206"/>
    </row>
    <row r="6" spans="1:14" x14ac:dyDescent="0.3">
      <c r="B6" s="206"/>
      <c r="C6" s="210" t="s">
        <v>2877</v>
      </c>
      <c r="D6" s="294" t="s">
        <v>2875</v>
      </c>
      <c r="E6" s="295"/>
      <c r="F6" s="296"/>
      <c r="G6" s="206"/>
      <c r="H6" s="206"/>
      <c r="I6" s="297"/>
      <c r="J6" s="297"/>
      <c r="K6" s="206"/>
      <c r="L6" s="206"/>
      <c r="M6" s="206"/>
      <c r="N6" s="206"/>
    </row>
    <row r="7" spans="1:14" x14ac:dyDescent="0.3">
      <c r="B7" s="206"/>
      <c r="C7" s="211" t="s">
        <v>2878</v>
      </c>
      <c r="D7" s="299" t="s">
        <v>2879</v>
      </c>
      <c r="E7" s="300"/>
      <c r="F7" s="301"/>
      <c r="G7" s="206"/>
      <c r="H7" s="206"/>
      <c r="I7" s="298"/>
      <c r="J7" s="298"/>
      <c r="K7" s="206"/>
      <c r="L7" s="206"/>
      <c r="M7" s="206"/>
      <c r="N7" s="206"/>
    </row>
    <row r="8" spans="1:14" x14ac:dyDescent="0.3">
      <c r="B8" s="206"/>
      <c r="C8" s="206"/>
      <c r="D8" s="206"/>
      <c r="E8" s="206"/>
      <c r="F8" s="206"/>
      <c r="G8" s="206"/>
      <c r="H8" s="206"/>
      <c r="I8" s="206"/>
      <c r="J8" s="206"/>
      <c r="K8" s="206"/>
      <c r="L8" s="206"/>
      <c r="M8" s="206"/>
      <c r="N8" s="206"/>
    </row>
    <row r="9" spans="1:14" x14ac:dyDescent="0.3">
      <c r="B9" s="206"/>
      <c r="C9" s="212" t="s">
        <v>2880</v>
      </c>
      <c r="D9" s="212" t="s">
        <v>2881</v>
      </c>
      <c r="E9" s="212" t="s">
        <v>2882</v>
      </c>
      <c r="F9" s="212" t="s">
        <v>2883</v>
      </c>
      <c r="G9" s="206"/>
      <c r="H9" s="206"/>
      <c r="I9" s="209" t="s">
        <v>2884</v>
      </c>
      <c r="J9" s="302">
        <v>45016</v>
      </c>
      <c r="K9" s="303"/>
      <c r="L9" s="206"/>
      <c r="M9" s="206"/>
      <c r="N9" s="206"/>
    </row>
    <row r="10" spans="1:14" x14ac:dyDescent="0.3">
      <c r="B10" s="206"/>
      <c r="C10" s="209" t="s">
        <v>2885</v>
      </c>
      <c r="D10" s="209" t="s">
        <v>2886</v>
      </c>
      <c r="E10" s="209" t="s">
        <v>2887</v>
      </c>
      <c r="F10" s="209" t="s">
        <v>2886</v>
      </c>
      <c r="G10" s="206"/>
      <c r="H10" s="206"/>
      <c r="I10" s="206"/>
      <c r="J10" s="206"/>
      <c r="K10" s="206"/>
      <c r="L10" s="206"/>
      <c r="M10" s="206"/>
      <c r="N10" s="206"/>
    </row>
    <row r="11" spans="1:14" x14ac:dyDescent="0.3">
      <c r="B11" s="206"/>
      <c r="C11" s="209" t="s">
        <v>2888</v>
      </c>
      <c r="D11" s="209" t="s">
        <v>2889</v>
      </c>
      <c r="E11" s="209" t="s">
        <v>2890</v>
      </c>
      <c r="F11" s="209" t="s">
        <v>2891</v>
      </c>
      <c r="G11" s="206"/>
      <c r="H11" s="206"/>
      <c r="I11" s="206"/>
      <c r="J11" s="206"/>
      <c r="K11" s="206"/>
      <c r="L11" s="206"/>
      <c r="M11" s="206"/>
      <c r="N11" s="206"/>
    </row>
    <row r="12" spans="1:14" x14ac:dyDescent="0.3">
      <c r="B12" s="206"/>
      <c r="C12" s="209" t="s">
        <v>2892</v>
      </c>
      <c r="D12" s="209" t="s">
        <v>2889</v>
      </c>
      <c r="E12" s="209" t="s">
        <v>2890</v>
      </c>
      <c r="F12" s="209" t="s">
        <v>2891</v>
      </c>
      <c r="G12" s="206"/>
      <c r="H12" s="206"/>
      <c r="I12" s="206"/>
      <c r="J12" s="206"/>
      <c r="K12" s="206"/>
      <c r="L12" s="206"/>
      <c r="M12" s="206"/>
      <c r="N12" s="206"/>
    </row>
    <row r="13" spans="1:14" x14ac:dyDescent="0.3">
      <c r="B13" s="206"/>
      <c r="C13" s="206"/>
      <c r="D13" s="206"/>
      <c r="E13" s="206"/>
      <c r="F13" s="206"/>
      <c r="G13" s="206"/>
      <c r="H13" s="206"/>
      <c r="I13" s="206"/>
      <c r="J13" s="206"/>
      <c r="K13" s="206"/>
      <c r="L13" s="206"/>
      <c r="M13" s="206"/>
      <c r="N13" s="206"/>
    </row>
    <row r="14" spans="1:14" ht="18" x14ac:dyDescent="0.35">
      <c r="A14" s="205"/>
      <c r="B14" s="206"/>
      <c r="C14" s="207" t="s">
        <v>2893</v>
      </c>
      <c r="N14" s="206"/>
    </row>
    <row r="15" spans="1:14" x14ac:dyDescent="0.3">
      <c r="B15" s="206"/>
      <c r="C15" s="206"/>
      <c r="D15" s="206"/>
      <c r="E15" s="206"/>
      <c r="F15" s="206"/>
      <c r="G15" s="206"/>
      <c r="H15" s="206"/>
      <c r="I15" s="206"/>
      <c r="J15" s="206"/>
      <c r="K15" s="206"/>
      <c r="L15" s="206"/>
      <c r="M15" s="206"/>
      <c r="N15" s="206"/>
    </row>
    <row r="16" spans="1:14" ht="43.2" x14ac:dyDescent="0.3">
      <c r="B16" s="206"/>
      <c r="C16" s="212" t="s">
        <v>2894</v>
      </c>
      <c r="D16" s="213" t="s">
        <v>2895</v>
      </c>
      <c r="E16" s="213" t="s">
        <v>2896</v>
      </c>
      <c r="F16" s="206"/>
      <c r="G16" s="206"/>
      <c r="H16" s="206"/>
      <c r="I16" s="212" t="s">
        <v>2897</v>
      </c>
      <c r="J16" s="212"/>
      <c r="K16" s="214"/>
      <c r="L16" s="206"/>
      <c r="M16" s="206"/>
      <c r="N16" s="206"/>
    </row>
    <row r="17" spans="2:14" x14ac:dyDescent="0.3">
      <c r="B17" s="206"/>
      <c r="C17" s="209" t="s">
        <v>1622</v>
      </c>
      <c r="D17" s="215">
        <v>706641.77458299999</v>
      </c>
      <c r="E17" s="215">
        <v>0</v>
      </c>
      <c r="F17" s="206"/>
      <c r="G17" s="206"/>
      <c r="H17" s="206"/>
      <c r="I17" s="209" t="s">
        <v>2214</v>
      </c>
      <c r="J17" s="209"/>
      <c r="K17" s="216">
        <v>754.23599999999999</v>
      </c>
      <c r="L17" s="206"/>
      <c r="M17" s="206"/>
      <c r="N17" s="206"/>
    </row>
    <row r="18" spans="2:14" x14ac:dyDescent="0.3">
      <c r="B18" s="206"/>
      <c r="C18" s="209" t="s">
        <v>2898</v>
      </c>
      <c r="D18" s="215">
        <v>0</v>
      </c>
      <c r="E18" s="215">
        <v>0</v>
      </c>
      <c r="F18" s="206"/>
      <c r="G18" s="206"/>
      <c r="H18" s="206"/>
      <c r="I18" s="209" t="s">
        <v>2899</v>
      </c>
      <c r="J18" s="209"/>
      <c r="K18" s="216">
        <v>426.23599999999999</v>
      </c>
      <c r="L18" s="206"/>
      <c r="M18" s="206"/>
      <c r="N18" s="206"/>
    </row>
    <row r="19" spans="2:14" x14ac:dyDescent="0.3">
      <c r="B19" s="206"/>
      <c r="C19" s="209" t="s">
        <v>364</v>
      </c>
      <c r="D19" s="215">
        <v>0</v>
      </c>
      <c r="E19" s="215">
        <v>0</v>
      </c>
      <c r="F19" s="206"/>
      <c r="G19" s="206"/>
      <c r="H19" s="206"/>
      <c r="I19" s="209" t="s">
        <v>2900</v>
      </c>
      <c r="J19" s="209"/>
      <c r="K19" s="216">
        <v>282.58699999999999</v>
      </c>
      <c r="L19" s="206"/>
      <c r="M19" s="206"/>
      <c r="N19" s="206"/>
    </row>
    <row r="20" spans="2:14" x14ac:dyDescent="0.3">
      <c r="B20" s="206"/>
      <c r="C20" s="217" t="s">
        <v>366</v>
      </c>
      <c r="D20" s="218">
        <v>706641.77458299999</v>
      </c>
      <c r="E20" s="218">
        <v>0</v>
      </c>
      <c r="F20" s="206"/>
      <c r="G20" s="206"/>
      <c r="H20" s="206"/>
      <c r="I20" s="209" t="s">
        <v>2901</v>
      </c>
      <c r="J20" s="209"/>
      <c r="K20" s="216">
        <v>936.89743605856199</v>
      </c>
      <c r="L20" s="206"/>
      <c r="M20" s="206"/>
      <c r="N20" s="206"/>
    </row>
    <row r="21" spans="2:14" x14ac:dyDescent="0.3">
      <c r="B21" s="206"/>
      <c r="C21" s="206"/>
      <c r="D21" s="206"/>
      <c r="E21" s="206"/>
      <c r="F21" s="206"/>
      <c r="G21" s="206"/>
      <c r="H21" s="206"/>
      <c r="I21" s="206"/>
      <c r="J21" s="206"/>
      <c r="K21" s="206"/>
      <c r="L21" s="206"/>
      <c r="M21" s="206"/>
      <c r="N21" s="206"/>
    </row>
    <row r="22" spans="2:14" ht="43.2" x14ac:dyDescent="0.3">
      <c r="B22" s="206"/>
      <c r="C22" s="213" t="s">
        <v>2902</v>
      </c>
      <c r="D22" s="219" t="s">
        <v>2903</v>
      </c>
      <c r="E22" s="219" t="s">
        <v>2904</v>
      </c>
      <c r="F22" s="219" t="s">
        <v>2905</v>
      </c>
      <c r="G22" s="206"/>
      <c r="H22" s="206"/>
      <c r="I22" s="212" t="s">
        <v>2906</v>
      </c>
      <c r="J22" s="214"/>
      <c r="K22" s="219" t="s">
        <v>2903</v>
      </c>
      <c r="L22" s="219" t="s">
        <v>2904</v>
      </c>
      <c r="M22" s="206"/>
      <c r="N22" s="206"/>
    </row>
    <row r="23" spans="2:14" x14ac:dyDescent="0.3">
      <c r="B23" s="206"/>
      <c r="C23" s="220" t="s">
        <v>2907</v>
      </c>
      <c r="D23" s="215">
        <v>366810.73952300003</v>
      </c>
      <c r="E23" s="221">
        <v>0.51909008597667539</v>
      </c>
      <c r="F23" s="215">
        <v>696182.84366000001</v>
      </c>
      <c r="G23" s="206"/>
      <c r="H23" s="206"/>
      <c r="I23" s="222" t="s">
        <v>956</v>
      </c>
      <c r="J23" s="223"/>
      <c r="K23" s="215">
        <v>286250.61103600002</v>
      </c>
      <c r="L23" s="221">
        <v>0.40508588839758064</v>
      </c>
      <c r="M23" s="206"/>
      <c r="N23" s="206"/>
    </row>
    <row r="24" spans="2:14" x14ac:dyDescent="0.3">
      <c r="B24" s="206"/>
      <c r="C24" s="220" t="s">
        <v>2908</v>
      </c>
      <c r="D24" s="215">
        <v>194031.95551100001</v>
      </c>
      <c r="E24" s="221">
        <v>0.27458319404552778</v>
      </c>
      <c r="F24" s="215">
        <v>869361.64197999996</v>
      </c>
      <c r="G24" s="206"/>
      <c r="H24" s="206"/>
      <c r="I24" s="222" t="s">
        <v>958</v>
      </c>
      <c r="J24" s="223"/>
      <c r="K24" s="215">
        <v>106702.04472799999</v>
      </c>
      <c r="L24" s="221">
        <v>0.15099877839926884</v>
      </c>
      <c r="M24" s="206"/>
      <c r="N24" s="206"/>
    </row>
    <row r="25" spans="2:14" x14ac:dyDescent="0.3">
      <c r="B25" s="206"/>
      <c r="C25" s="220" t="s">
        <v>2909</v>
      </c>
      <c r="D25" s="215">
        <v>145799.07954899999</v>
      </c>
      <c r="E25" s="221">
        <v>0.20632671997779667</v>
      </c>
      <c r="F25" s="215">
        <v>7114232.4363000002</v>
      </c>
      <c r="G25" s="206"/>
      <c r="H25" s="206"/>
      <c r="I25" s="222" t="s">
        <v>960</v>
      </c>
      <c r="J25" s="223"/>
      <c r="K25" s="215">
        <v>56131.379922</v>
      </c>
      <c r="L25" s="221">
        <v>7.943399603722022E-2</v>
      </c>
      <c r="M25" s="206"/>
      <c r="N25" s="206"/>
    </row>
    <row r="26" spans="2:14" x14ac:dyDescent="0.3">
      <c r="B26" s="206"/>
      <c r="C26" s="220" t="s">
        <v>2910</v>
      </c>
      <c r="D26" s="215">
        <v>0</v>
      </c>
      <c r="E26" s="221">
        <v>0</v>
      </c>
      <c r="F26" s="215">
        <v>0</v>
      </c>
      <c r="G26" s="206"/>
      <c r="H26" s="206"/>
      <c r="I26" s="222" t="s">
        <v>962</v>
      </c>
      <c r="J26" s="223"/>
      <c r="K26" s="215">
        <v>76791.912666000004</v>
      </c>
      <c r="L26" s="221">
        <v>0.10867162886210872</v>
      </c>
      <c r="M26" s="206"/>
      <c r="N26" s="206"/>
    </row>
    <row r="27" spans="2:14" x14ac:dyDescent="0.3">
      <c r="B27" s="206"/>
      <c r="C27" s="220" t="s">
        <v>2911</v>
      </c>
      <c r="D27" s="215">
        <v>0</v>
      </c>
      <c r="E27" s="221">
        <v>0</v>
      </c>
      <c r="F27" s="215">
        <v>0</v>
      </c>
      <c r="G27" s="206"/>
      <c r="H27" s="206"/>
      <c r="I27" s="222" t="s">
        <v>964</v>
      </c>
      <c r="J27" s="223"/>
      <c r="K27" s="215">
        <v>51358.188642499998</v>
      </c>
      <c r="L27" s="221">
        <v>7.2679242141848885E-2</v>
      </c>
      <c r="M27" s="206"/>
      <c r="N27" s="206"/>
    </row>
    <row r="28" spans="2:14" x14ac:dyDescent="0.3">
      <c r="B28" s="206"/>
      <c r="C28" s="220" t="s">
        <v>2912</v>
      </c>
      <c r="D28" s="215">
        <v>0</v>
      </c>
      <c r="E28" s="221">
        <v>0</v>
      </c>
      <c r="F28" s="215">
        <v>0</v>
      </c>
      <c r="G28" s="206"/>
      <c r="H28" s="206"/>
      <c r="I28" s="222" t="s">
        <v>966</v>
      </c>
      <c r="J28" s="223"/>
      <c r="K28" s="215">
        <v>40789.863797999998</v>
      </c>
      <c r="L28" s="221">
        <v>5.7723538665743125E-2</v>
      </c>
      <c r="M28" s="206"/>
      <c r="N28" s="206"/>
    </row>
    <row r="29" spans="2:14" x14ac:dyDescent="0.3">
      <c r="B29" s="206"/>
      <c r="C29" s="220" t="s">
        <v>827</v>
      </c>
      <c r="D29" s="215">
        <v>0</v>
      </c>
      <c r="E29" s="221">
        <v>0</v>
      </c>
      <c r="F29" s="215">
        <v>0</v>
      </c>
      <c r="G29" s="206"/>
      <c r="H29" s="206"/>
      <c r="I29" s="222" t="s">
        <v>968</v>
      </c>
      <c r="J29" s="223"/>
      <c r="K29" s="215">
        <v>88617.773791</v>
      </c>
      <c r="L29" s="221">
        <v>0.12540692749622959</v>
      </c>
      <c r="M29" s="206"/>
      <c r="N29" s="206"/>
    </row>
    <row r="30" spans="2:14" x14ac:dyDescent="0.3">
      <c r="B30" s="206"/>
      <c r="C30" s="224" t="s">
        <v>2913</v>
      </c>
      <c r="D30" s="225">
        <v>706641.77458300011</v>
      </c>
      <c r="E30" s="226">
        <v>1</v>
      </c>
      <c r="F30" s="206"/>
      <c r="G30" s="206"/>
      <c r="H30" s="206"/>
      <c r="I30" s="227" t="s">
        <v>970</v>
      </c>
      <c r="J30" s="227"/>
      <c r="K30" s="215">
        <v>0</v>
      </c>
      <c r="L30" s="221">
        <v>0</v>
      </c>
      <c r="M30" s="206"/>
      <c r="N30" s="206"/>
    </row>
    <row r="31" spans="2:14" x14ac:dyDescent="0.3">
      <c r="B31" s="206"/>
      <c r="C31" s="206"/>
      <c r="D31" s="206"/>
      <c r="E31" s="206"/>
      <c r="F31" s="206"/>
      <c r="G31" s="206"/>
      <c r="H31" s="206"/>
      <c r="I31" s="228" t="s">
        <v>2913</v>
      </c>
      <c r="J31" s="229"/>
      <c r="K31" s="225">
        <v>706641.7745835</v>
      </c>
      <c r="L31" s="226">
        <v>1</v>
      </c>
      <c r="M31" s="206"/>
      <c r="N31" s="206"/>
    </row>
    <row r="32" spans="2:14" x14ac:dyDescent="0.3">
      <c r="B32" s="206"/>
      <c r="C32" s="206"/>
      <c r="D32" s="206"/>
      <c r="E32" s="206"/>
      <c r="F32" s="206"/>
      <c r="G32" s="206"/>
      <c r="H32" s="206"/>
      <c r="I32" s="206"/>
      <c r="J32" s="206"/>
      <c r="K32" s="206"/>
      <c r="L32" s="206"/>
      <c r="M32" s="206"/>
      <c r="N32" s="206"/>
    </row>
    <row r="33" spans="2:14" ht="43.2" x14ac:dyDescent="0.3">
      <c r="B33" s="206"/>
      <c r="C33" s="213" t="s">
        <v>2914</v>
      </c>
      <c r="D33" s="219" t="s">
        <v>2903</v>
      </c>
      <c r="E33" s="219" t="s">
        <v>2904</v>
      </c>
      <c r="F33" s="206"/>
      <c r="G33" s="206"/>
      <c r="H33" s="206"/>
      <c r="I33" s="212" t="s">
        <v>2915</v>
      </c>
      <c r="J33" s="212"/>
      <c r="K33" s="219" t="s">
        <v>2903</v>
      </c>
      <c r="L33" s="219" t="s">
        <v>2904</v>
      </c>
      <c r="M33" s="206"/>
      <c r="N33" s="206"/>
    </row>
    <row r="34" spans="2:14" x14ac:dyDescent="0.3">
      <c r="B34" s="206"/>
      <c r="C34" s="220" t="s">
        <v>2916</v>
      </c>
      <c r="D34" s="215">
        <v>410437.63091000001</v>
      </c>
      <c r="E34" s="221">
        <v>0.58082842774584942</v>
      </c>
      <c r="F34" s="206"/>
      <c r="G34" s="206"/>
      <c r="H34" s="206"/>
      <c r="I34" s="222" t="s">
        <v>2917</v>
      </c>
      <c r="J34" s="223"/>
      <c r="K34" s="215">
        <v>493744</v>
      </c>
      <c r="L34" s="221">
        <v>0.69871895175039356</v>
      </c>
      <c r="M34" s="206"/>
      <c r="N34" s="206"/>
    </row>
    <row r="35" spans="2:14" x14ac:dyDescent="0.3">
      <c r="B35" s="206"/>
      <c r="C35" s="220" t="s">
        <v>2918</v>
      </c>
      <c r="D35" s="215">
        <v>296204.14367199998</v>
      </c>
      <c r="E35" s="221">
        <v>0.41917157225415058</v>
      </c>
      <c r="F35" s="206"/>
      <c r="G35" s="206"/>
      <c r="H35" s="206"/>
      <c r="I35" s="222" t="s">
        <v>2919</v>
      </c>
      <c r="J35" s="223"/>
      <c r="K35" s="230">
        <v>212897.77458346996</v>
      </c>
      <c r="L35" s="221">
        <v>0.3012810482496065</v>
      </c>
      <c r="M35" s="206"/>
      <c r="N35" s="206"/>
    </row>
    <row r="36" spans="2:14" x14ac:dyDescent="0.3">
      <c r="B36" s="206"/>
      <c r="C36" s="224" t="s">
        <v>2913</v>
      </c>
      <c r="D36" s="225">
        <v>706641.77458199998</v>
      </c>
      <c r="E36" s="226">
        <v>1</v>
      </c>
      <c r="F36" s="206"/>
      <c r="G36" s="206"/>
      <c r="H36" s="206"/>
      <c r="I36" s="228" t="s">
        <v>2913</v>
      </c>
      <c r="J36" s="229"/>
      <c r="K36" s="225">
        <v>706641.77458346996</v>
      </c>
      <c r="L36" s="226">
        <v>1</v>
      </c>
      <c r="M36" s="206"/>
      <c r="N36" s="206"/>
    </row>
    <row r="37" spans="2:14" x14ac:dyDescent="0.3">
      <c r="B37" s="206"/>
      <c r="C37" s="206"/>
      <c r="D37" s="206"/>
      <c r="E37" s="206"/>
      <c r="F37" s="206"/>
      <c r="G37" s="206"/>
      <c r="H37" s="206"/>
      <c r="I37" s="206"/>
      <c r="J37" s="206"/>
      <c r="K37" s="206"/>
      <c r="L37" s="206"/>
      <c r="M37" s="206"/>
      <c r="N37" s="206"/>
    </row>
    <row r="38" spans="2:14" x14ac:dyDescent="0.3">
      <c r="B38" s="206"/>
      <c r="C38" s="213" t="s">
        <v>2920</v>
      </c>
      <c r="D38" s="231">
        <v>8.9263881467865787</v>
      </c>
      <c r="E38" s="206"/>
      <c r="F38" s="206"/>
      <c r="G38" s="206"/>
      <c r="H38" s="206"/>
      <c r="I38" s="206"/>
      <c r="J38" s="206"/>
      <c r="K38" s="206"/>
      <c r="L38" s="206"/>
      <c r="M38" s="206"/>
      <c r="N38" s="206"/>
    </row>
    <row r="39" spans="2:14" x14ac:dyDescent="0.3">
      <c r="B39" s="206"/>
      <c r="C39" s="232"/>
      <c r="D39" s="206"/>
      <c r="E39" s="206"/>
      <c r="F39" s="206"/>
      <c r="G39" s="206"/>
      <c r="H39" s="206"/>
      <c r="I39" s="233"/>
      <c r="J39" s="206"/>
      <c r="K39" s="206"/>
      <c r="L39" s="206"/>
      <c r="M39" s="206"/>
      <c r="N39" s="206"/>
    </row>
    <row r="40" spans="2:14" x14ac:dyDescent="0.3">
      <c r="B40" s="206"/>
      <c r="C40" s="213" t="s">
        <v>2921</v>
      </c>
      <c r="D40" s="234" t="s">
        <v>2922</v>
      </c>
      <c r="E40" s="219" t="s">
        <v>2923</v>
      </c>
      <c r="F40" s="219" t="s">
        <v>2924</v>
      </c>
      <c r="G40" s="219" t="s">
        <v>2925</v>
      </c>
      <c r="H40" s="219" t="s">
        <v>2926</v>
      </c>
      <c r="I40" s="219" t="s">
        <v>2927</v>
      </c>
      <c r="J40" s="219" t="s">
        <v>2928</v>
      </c>
      <c r="K40" s="219" t="s">
        <v>2929</v>
      </c>
      <c r="L40" s="219" t="s">
        <v>2930</v>
      </c>
      <c r="M40" s="219" t="s">
        <v>2913</v>
      </c>
      <c r="N40" s="206"/>
    </row>
    <row r="41" spans="2:14" x14ac:dyDescent="0.3">
      <c r="B41" s="206"/>
      <c r="C41" s="209" t="s">
        <v>2903</v>
      </c>
      <c r="D41" s="215">
        <v>171463.21624042004</v>
      </c>
      <c r="E41" s="215">
        <v>151682.57388872461</v>
      </c>
      <c r="F41" s="215">
        <v>127428.26826978846</v>
      </c>
      <c r="G41" s="215">
        <v>101235.43163661206</v>
      </c>
      <c r="H41" s="215">
        <v>71417.272738914427</v>
      </c>
      <c r="I41" s="215">
        <v>44862.812104426514</v>
      </c>
      <c r="J41" s="215">
        <v>25823.290342296412</v>
      </c>
      <c r="K41" s="215">
        <v>12728.909362593165</v>
      </c>
      <c r="L41" s="215">
        <v>0</v>
      </c>
      <c r="M41" s="225">
        <v>706641.77458377578</v>
      </c>
      <c r="N41" s="206"/>
    </row>
    <row r="42" spans="2:14" x14ac:dyDescent="0.3">
      <c r="B42" s="206"/>
      <c r="C42" s="209" t="s">
        <v>2904</v>
      </c>
      <c r="D42" s="221">
        <v>0.24264517384556672</v>
      </c>
      <c r="E42" s="221">
        <v>0.21465271279506262</v>
      </c>
      <c r="F42" s="221">
        <v>0.1803293731747545</v>
      </c>
      <c r="G42" s="221">
        <v>0.14326273265721021</v>
      </c>
      <c r="H42" s="221">
        <v>0.10106573840894198</v>
      </c>
      <c r="I42" s="221">
        <v>6.3487347787854018E-2</v>
      </c>
      <c r="J42" s="221">
        <v>3.6543679231965553E-2</v>
      </c>
      <c r="K42" s="221">
        <v>1.8013242098644272E-2</v>
      </c>
      <c r="L42" s="221">
        <v>0</v>
      </c>
      <c r="M42" s="226">
        <v>1</v>
      </c>
      <c r="N42" s="206"/>
    </row>
    <row r="43" spans="2:14" x14ac:dyDescent="0.3">
      <c r="B43" s="206"/>
      <c r="C43" s="206"/>
      <c r="D43" s="206"/>
      <c r="E43" s="206"/>
      <c r="F43" s="206"/>
      <c r="G43" s="206"/>
      <c r="H43" s="206"/>
      <c r="I43" s="206"/>
      <c r="J43" s="206"/>
      <c r="K43" s="206"/>
      <c r="L43" s="206"/>
      <c r="M43" s="206"/>
      <c r="N43" s="206"/>
    </row>
    <row r="44" spans="2:14" x14ac:dyDescent="0.3">
      <c r="B44" s="206"/>
      <c r="C44" s="213" t="s">
        <v>2931</v>
      </c>
      <c r="D44" s="219">
        <v>2023</v>
      </c>
      <c r="E44" s="219">
        <v>2024</v>
      </c>
      <c r="F44" s="219">
        <v>2025</v>
      </c>
      <c r="G44" s="219">
        <v>2026</v>
      </c>
      <c r="H44" s="219">
        <v>2027</v>
      </c>
      <c r="I44" s="219">
        <v>2028</v>
      </c>
      <c r="J44" s="219">
        <v>2029</v>
      </c>
      <c r="K44" s="219">
        <v>2030</v>
      </c>
      <c r="L44" s="219" t="s">
        <v>2932</v>
      </c>
      <c r="M44" s="219" t="s">
        <v>2913</v>
      </c>
      <c r="N44" s="206"/>
    </row>
    <row r="45" spans="2:14" x14ac:dyDescent="0.3">
      <c r="B45" s="206"/>
      <c r="C45" s="209" t="s">
        <v>2903</v>
      </c>
      <c r="D45" s="215">
        <v>502848.99835199991</v>
      </c>
      <c r="E45" s="215">
        <v>102247.95341</v>
      </c>
      <c r="F45" s="215">
        <v>50112.088991999997</v>
      </c>
      <c r="G45" s="215">
        <v>24966.852328000001</v>
      </c>
      <c r="H45" s="215">
        <v>15715.852123999999</v>
      </c>
      <c r="I45" s="215">
        <v>2793.8377959999998</v>
      </c>
      <c r="J45" s="215">
        <v>5281.1271200000001</v>
      </c>
      <c r="K45" s="215">
        <v>1349.0190299999999</v>
      </c>
      <c r="L45" s="215">
        <v>1326.0454299999999</v>
      </c>
      <c r="M45" s="225">
        <v>706641.77458199975</v>
      </c>
      <c r="N45" s="206"/>
    </row>
    <row r="46" spans="2:14" x14ac:dyDescent="0.3">
      <c r="B46" s="206"/>
      <c r="C46" s="209" t="s">
        <v>2904</v>
      </c>
      <c r="D46" s="221">
        <v>0.71160383724580489</v>
      </c>
      <c r="E46" s="221">
        <v>0.1446955969596134</v>
      </c>
      <c r="F46" s="221">
        <v>7.0915831464276061E-2</v>
      </c>
      <c r="G46" s="221">
        <v>3.5331695954015606E-2</v>
      </c>
      <c r="H46" s="221">
        <v>2.2240196786068738E-2</v>
      </c>
      <c r="I46" s="221">
        <v>3.9536833180370892E-3</v>
      </c>
      <c r="J46" s="221">
        <v>7.4735563477133452E-3</v>
      </c>
      <c r="K46" s="221">
        <v>1.9090564392327293E-3</v>
      </c>
      <c r="L46" s="221">
        <v>1.8765454827250534E-3</v>
      </c>
      <c r="M46" s="226">
        <v>0.99999999999748668</v>
      </c>
      <c r="N46" s="206"/>
    </row>
    <row r="47" spans="2:14" x14ac:dyDescent="0.3">
      <c r="B47" s="206"/>
      <c r="C47" s="206"/>
      <c r="D47" s="235"/>
      <c r="E47" s="235"/>
      <c r="F47" s="235"/>
      <c r="G47" s="235"/>
      <c r="H47" s="235"/>
      <c r="I47" s="235"/>
      <c r="J47" s="235"/>
      <c r="K47" s="235"/>
      <c r="L47" s="235"/>
      <c r="M47" s="236"/>
      <c r="N47" s="206"/>
    </row>
    <row r="48" spans="2:14" x14ac:dyDescent="0.3">
      <c r="B48" s="206"/>
      <c r="C48" s="206"/>
      <c r="D48" s="235"/>
      <c r="E48" s="235"/>
      <c r="F48" s="235"/>
      <c r="G48" s="235"/>
      <c r="H48" s="235"/>
      <c r="I48" s="235"/>
      <c r="J48" s="235"/>
      <c r="K48" s="235"/>
      <c r="L48" s="235"/>
      <c r="M48" s="236"/>
      <c r="N48" s="206"/>
    </row>
    <row r="49" spans="2:14" x14ac:dyDescent="0.3">
      <c r="B49" s="206"/>
      <c r="C49" s="213" t="s">
        <v>2933</v>
      </c>
      <c r="D49" s="219" t="s">
        <v>2934</v>
      </c>
      <c r="E49" s="219" t="s">
        <v>2935</v>
      </c>
      <c r="F49" s="219" t="s">
        <v>2936</v>
      </c>
      <c r="G49" s="219" t="s">
        <v>2937</v>
      </c>
      <c r="H49" s="219" t="s">
        <v>2938</v>
      </c>
      <c r="I49" s="219" t="s">
        <v>2913</v>
      </c>
      <c r="J49" s="206"/>
      <c r="K49" s="206"/>
      <c r="L49" s="206"/>
      <c r="M49" s="206"/>
      <c r="N49" s="206"/>
    </row>
    <row r="50" spans="2:14" x14ac:dyDescent="0.3">
      <c r="B50" s="206"/>
      <c r="C50" s="209" t="s">
        <v>2903</v>
      </c>
      <c r="D50" s="215">
        <v>63395</v>
      </c>
      <c r="E50" s="215">
        <v>82380</v>
      </c>
      <c r="F50" s="215">
        <v>76181</v>
      </c>
      <c r="G50" s="215">
        <v>109738.77458346996</v>
      </c>
      <c r="H50" s="215">
        <v>374947</v>
      </c>
      <c r="I50" s="225">
        <v>706641.77458346996</v>
      </c>
      <c r="J50" s="233"/>
      <c r="K50" s="206"/>
      <c r="L50" s="206"/>
      <c r="M50" s="206"/>
      <c r="N50" s="206"/>
    </row>
    <row r="51" spans="2:14" x14ac:dyDescent="0.3">
      <c r="B51" s="206"/>
      <c r="C51" s="209" t="s">
        <v>2904</v>
      </c>
      <c r="D51" s="221">
        <v>8.9713065771363704E-2</v>
      </c>
      <c r="E51" s="221">
        <v>0.11657957817248901</v>
      </c>
      <c r="F51" s="221">
        <v>0.10780709935370704</v>
      </c>
      <c r="G51" s="221">
        <v>0.15529618900348127</v>
      </c>
      <c r="H51" s="221">
        <v>0.53060406769895896</v>
      </c>
      <c r="I51" s="226">
        <v>1</v>
      </c>
      <c r="J51" s="206"/>
      <c r="K51" s="206"/>
      <c r="L51" s="206"/>
      <c r="M51" s="206"/>
      <c r="N51" s="206"/>
    </row>
    <row r="52" spans="2:14" x14ac:dyDescent="0.3">
      <c r="B52" s="206"/>
      <c r="C52" s="206"/>
      <c r="D52" s="206"/>
      <c r="E52" s="206"/>
      <c r="F52" s="206"/>
      <c r="G52" s="206"/>
      <c r="H52" s="206"/>
      <c r="I52" s="206"/>
      <c r="J52" s="206"/>
      <c r="K52" s="206"/>
      <c r="L52" s="206"/>
      <c r="M52" s="206"/>
      <c r="N52" s="206"/>
    </row>
    <row r="53" spans="2:14" x14ac:dyDescent="0.3">
      <c r="B53" s="206"/>
      <c r="C53" s="212" t="s">
        <v>2939</v>
      </c>
      <c r="D53" s="214"/>
      <c r="E53" s="214"/>
      <c r="F53" s="214"/>
      <c r="G53" s="214"/>
      <c r="H53" s="214"/>
      <c r="I53" s="206"/>
      <c r="J53" s="206"/>
      <c r="K53" s="206"/>
      <c r="L53" s="206"/>
      <c r="M53" s="206"/>
      <c r="N53" s="206"/>
    </row>
    <row r="54" spans="2:14" x14ac:dyDescent="0.3">
      <c r="B54" s="206"/>
      <c r="C54" s="212" t="s">
        <v>2940</v>
      </c>
      <c r="D54" s="237" t="s">
        <v>2941</v>
      </c>
      <c r="E54" s="237" t="s">
        <v>2942</v>
      </c>
      <c r="F54" s="237" t="s">
        <v>2943</v>
      </c>
      <c r="G54" s="237" t="s">
        <v>2944</v>
      </c>
      <c r="H54" s="237" t="s">
        <v>2913</v>
      </c>
      <c r="I54" s="206"/>
      <c r="J54" s="206"/>
      <c r="K54" s="206"/>
      <c r="L54" s="206"/>
      <c r="M54" s="206"/>
      <c r="N54" s="206"/>
    </row>
    <row r="55" spans="2:14" x14ac:dyDescent="0.3">
      <c r="B55" s="206"/>
      <c r="C55" s="209" t="s">
        <v>2903</v>
      </c>
      <c r="D55" s="215">
        <v>4098.3130000000001</v>
      </c>
      <c r="E55" s="215">
        <v>632.11900000000003</v>
      </c>
      <c r="F55" s="215">
        <v>224.102</v>
      </c>
      <c r="G55" s="215">
        <v>320.78699999999998</v>
      </c>
      <c r="H55" s="225">
        <v>5275.3209999999999</v>
      </c>
      <c r="I55" s="206"/>
      <c r="J55" s="206"/>
      <c r="K55" s="206"/>
      <c r="L55" s="206"/>
      <c r="M55" s="206"/>
      <c r="N55" s="206"/>
    </row>
    <row r="56" spans="2:14" x14ac:dyDescent="0.3">
      <c r="B56" s="206"/>
      <c r="C56" s="209" t="s">
        <v>2945</v>
      </c>
      <c r="D56" s="238">
        <v>5.7997038208135619E-3</v>
      </c>
      <c r="E56" s="238">
        <v>8.9453952870579873E-4</v>
      </c>
      <c r="F56" s="238">
        <v>3.1713664272396003E-4</v>
      </c>
      <c r="G56" s="238">
        <v>4.5395985849966067E-4</v>
      </c>
      <c r="H56" s="239">
        <v>7.4653398507429809E-3</v>
      </c>
      <c r="I56" s="206"/>
      <c r="J56" s="206"/>
      <c r="K56" s="206"/>
      <c r="L56" s="206"/>
      <c r="M56" s="206"/>
      <c r="N56" s="206"/>
    </row>
    <row r="57" spans="2:14" x14ac:dyDescent="0.3">
      <c r="B57" s="206"/>
      <c r="C57" s="206"/>
      <c r="D57" s="206"/>
      <c r="E57" s="206"/>
      <c r="F57" s="206"/>
      <c r="G57" s="206"/>
      <c r="H57" s="206"/>
      <c r="I57" s="206"/>
      <c r="J57" s="206"/>
      <c r="K57" s="206"/>
      <c r="L57" s="206"/>
      <c r="M57" s="206"/>
      <c r="N57" s="206"/>
    </row>
    <row r="58" spans="2:14" x14ac:dyDescent="0.3">
      <c r="B58" s="206"/>
      <c r="C58" s="213" t="s">
        <v>2946</v>
      </c>
      <c r="D58" s="240">
        <v>4.8849854939414061E-4</v>
      </c>
      <c r="E58" s="241"/>
      <c r="F58" s="241"/>
      <c r="G58" s="242"/>
      <c r="H58" s="206"/>
      <c r="I58" s="206"/>
      <c r="J58" s="206"/>
      <c r="K58" s="206"/>
      <c r="L58" s="206"/>
      <c r="M58" s="206"/>
      <c r="N58" s="206"/>
    </row>
    <row r="59" spans="2:14" x14ac:dyDescent="0.3">
      <c r="B59" s="206"/>
      <c r="C59" s="206"/>
      <c r="D59" s="206"/>
      <c r="E59" s="206"/>
      <c r="F59" s="206"/>
      <c r="G59" s="206"/>
      <c r="H59" s="206"/>
      <c r="I59" s="206"/>
      <c r="J59" s="206"/>
      <c r="K59" s="206"/>
      <c r="L59" s="206"/>
      <c r="M59" s="206"/>
      <c r="N59" s="206"/>
    </row>
    <row r="60" spans="2:14" x14ac:dyDescent="0.3">
      <c r="B60" s="206"/>
      <c r="C60" s="212" t="s">
        <v>2947</v>
      </c>
      <c r="D60" s="214"/>
      <c r="E60" s="206"/>
      <c r="F60" s="206"/>
      <c r="G60" s="206"/>
      <c r="H60" s="206"/>
      <c r="I60" s="206"/>
      <c r="J60" s="206"/>
      <c r="K60" s="206"/>
      <c r="L60" s="206"/>
      <c r="M60" s="206"/>
      <c r="N60" s="206"/>
    </row>
    <row r="61" spans="2:14" x14ac:dyDescent="0.3">
      <c r="B61" s="206"/>
      <c r="C61" s="209" t="s">
        <v>2948</v>
      </c>
      <c r="D61" s="221">
        <v>1.1442000000000001</v>
      </c>
      <c r="E61" s="206"/>
      <c r="F61" s="206"/>
      <c r="G61" s="206"/>
      <c r="H61" s="206"/>
      <c r="I61" s="206"/>
      <c r="J61" s="206"/>
      <c r="K61" s="206"/>
      <c r="L61" s="206"/>
      <c r="M61" s="206"/>
      <c r="N61" s="206"/>
    </row>
    <row r="62" spans="2:14" x14ac:dyDescent="0.3">
      <c r="B62" s="206"/>
      <c r="C62" s="209" t="s">
        <v>2949</v>
      </c>
      <c r="D62" s="221">
        <v>0.50244855143</v>
      </c>
      <c r="E62" s="206"/>
      <c r="F62" s="206"/>
      <c r="G62" s="206"/>
      <c r="H62" s="206"/>
      <c r="I62" s="206"/>
      <c r="J62" s="206"/>
      <c r="K62" s="206"/>
      <c r="L62" s="206"/>
      <c r="M62" s="206"/>
      <c r="N62" s="206"/>
    </row>
    <row r="63" spans="2:14" x14ac:dyDescent="0.3">
      <c r="B63" s="206"/>
      <c r="C63" s="243"/>
      <c r="D63" s="235"/>
      <c r="E63" s="206"/>
      <c r="F63" s="206"/>
      <c r="G63" s="206"/>
      <c r="H63" s="206"/>
      <c r="I63" s="206"/>
      <c r="J63" s="206"/>
      <c r="K63" s="206"/>
      <c r="L63" s="206"/>
      <c r="M63" s="206"/>
      <c r="N63" s="206"/>
    </row>
    <row r="64" spans="2:14" x14ac:dyDescent="0.3">
      <c r="B64" s="206"/>
      <c r="C64" s="243"/>
      <c r="D64" s="235"/>
      <c r="E64" s="206"/>
      <c r="F64" s="206"/>
      <c r="G64" s="206"/>
      <c r="H64" s="206"/>
      <c r="I64" s="206"/>
      <c r="J64" s="206"/>
      <c r="K64" s="206"/>
      <c r="L64" s="206"/>
      <c r="M64" s="206"/>
      <c r="N64" s="206"/>
    </row>
    <row r="65" spans="1:14" x14ac:dyDescent="0.3">
      <c r="B65" s="206"/>
      <c r="C65" s="243"/>
      <c r="D65" s="235"/>
      <c r="E65" s="206"/>
      <c r="F65" s="206"/>
      <c r="G65" s="206"/>
      <c r="H65" s="206"/>
      <c r="I65" s="206"/>
      <c r="J65" s="206"/>
      <c r="K65" s="206"/>
      <c r="L65" s="206"/>
      <c r="M65" s="206"/>
      <c r="N65" s="206"/>
    </row>
    <row r="66" spans="1:14" x14ac:dyDescent="0.3">
      <c r="B66" s="206"/>
      <c r="C66" s="243"/>
      <c r="D66" s="235"/>
      <c r="E66" s="206"/>
      <c r="F66" s="206"/>
      <c r="G66" s="206"/>
      <c r="H66" s="206"/>
      <c r="I66" s="206"/>
      <c r="J66" s="206"/>
      <c r="K66" s="206"/>
      <c r="L66" s="206"/>
      <c r="M66" s="206"/>
      <c r="N66" s="206"/>
    </row>
    <row r="67" spans="1:14" x14ac:dyDescent="0.3">
      <c r="B67" s="206"/>
      <c r="C67" s="206"/>
      <c r="D67" s="206"/>
      <c r="E67" s="206"/>
      <c r="F67" s="206"/>
      <c r="G67" s="206"/>
      <c r="H67" s="206"/>
      <c r="I67" s="206"/>
      <c r="J67" s="206"/>
      <c r="K67" s="206"/>
      <c r="L67" s="206"/>
      <c r="M67" s="206"/>
      <c r="N67" s="206"/>
    </row>
    <row r="68" spans="1:14" ht="18" x14ac:dyDescent="0.35">
      <c r="A68" s="205"/>
      <c r="B68" s="206"/>
      <c r="C68" s="207" t="s">
        <v>1624</v>
      </c>
      <c r="D68" s="244"/>
      <c r="E68" s="244"/>
      <c r="F68" s="244"/>
      <c r="G68" s="244"/>
      <c r="H68" s="244"/>
      <c r="I68" s="244"/>
      <c r="J68" s="244"/>
      <c r="K68" s="244"/>
      <c r="L68" s="244"/>
      <c r="M68" s="244"/>
      <c r="N68" s="206"/>
    </row>
    <row r="69" spans="1:14" x14ac:dyDescent="0.3">
      <c r="B69" s="206"/>
      <c r="C69" s="206"/>
      <c r="D69" s="206"/>
      <c r="E69" s="206"/>
      <c r="F69" s="206"/>
      <c r="G69" s="206"/>
      <c r="H69" s="206"/>
      <c r="I69" s="206"/>
      <c r="J69" s="206"/>
      <c r="K69" s="206"/>
      <c r="L69" s="206"/>
      <c r="M69" s="206"/>
      <c r="N69" s="206"/>
    </row>
    <row r="70" spans="1:14" x14ac:dyDescent="0.3">
      <c r="B70" s="206"/>
      <c r="C70" s="212" t="s">
        <v>2950</v>
      </c>
      <c r="D70" s="214"/>
      <c r="E70" s="245"/>
      <c r="F70" s="245"/>
      <c r="G70" s="214"/>
      <c r="H70" s="214"/>
      <c r="I70" s="214"/>
      <c r="J70" s="214"/>
      <c r="K70" s="214"/>
      <c r="L70" s="214"/>
      <c r="M70" s="206"/>
      <c r="N70" s="206"/>
    </row>
    <row r="71" spans="1:14" ht="28.8" x14ac:dyDescent="0.3">
      <c r="B71" s="206"/>
      <c r="C71" s="213" t="s">
        <v>2951</v>
      </c>
      <c r="D71" s="219" t="s">
        <v>2952</v>
      </c>
      <c r="E71" s="219" t="s">
        <v>2953</v>
      </c>
      <c r="F71" s="219" t="s">
        <v>2954</v>
      </c>
      <c r="G71" s="219" t="s">
        <v>2955</v>
      </c>
      <c r="H71" s="246" t="s">
        <v>2956</v>
      </c>
      <c r="I71" s="219" t="s">
        <v>2914</v>
      </c>
      <c r="J71" s="219" t="s">
        <v>2957</v>
      </c>
      <c r="K71" s="219" t="s">
        <v>2958</v>
      </c>
      <c r="L71" s="219" t="s">
        <v>2959</v>
      </c>
      <c r="M71" s="206"/>
      <c r="N71" s="206"/>
    </row>
    <row r="72" spans="1:14" ht="15" customHeight="1" x14ac:dyDescent="0.3">
      <c r="B72" s="206"/>
      <c r="C72" s="220" t="s">
        <v>2960</v>
      </c>
      <c r="D72" s="215">
        <v>47372</v>
      </c>
      <c r="E72" s="247" t="s">
        <v>274</v>
      </c>
      <c r="F72" s="215">
        <v>47372</v>
      </c>
      <c r="G72" s="248">
        <v>43227</v>
      </c>
      <c r="H72" s="249">
        <v>0.01</v>
      </c>
      <c r="I72" s="250" t="s">
        <v>2961</v>
      </c>
      <c r="J72" s="247" t="s">
        <v>2962</v>
      </c>
      <c r="K72" s="248">
        <v>45280</v>
      </c>
      <c r="L72" s="209"/>
      <c r="M72" s="206"/>
      <c r="N72" s="206"/>
    </row>
    <row r="73" spans="1:14" ht="15" customHeight="1" x14ac:dyDescent="0.3">
      <c r="B73" s="206"/>
      <c r="C73" s="220" t="s">
        <v>2963</v>
      </c>
      <c r="D73" s="215">
        <v>55702</v>
      </c>
      <c r="E73" s="247" t="s">
        <v>274</v>
      </c>
      <c r="F73" s="215">
        <v>55702</v>
      </c>
      <c r="G73" s="248">
        <v>43542</v>
      </c>
      <c r="H73" s="249">
        <v>0.01</v>
      </c>
      <c r="I73" s="250" t="s">
        <v>2961</v>
      </c>
      <c r="J73" s="247" t="s">
        <v>2962</v>
      </c>
      <c r="K73" s="248">
        <v>45644</v>
      </c>
      <c r="L73" s="209"/>
      <c r="M73" s="206"/>
      <c r="N73" s="206"/>
    </row>
    <row r="74" spans="1:14" ht="15" customHeight="1" x14ac:dyDescent="0.3">
      <c r="B74" s="206"/>
      <c r="C74" s="220" t="s">
        <v>2964</v>
      </c>
      <c r="D74" s="215">
        <v>52152</v>
      </c>
      <c r="E74" s="247" t="s">
        <v>274</v>
      </c>
      <c r="F74" s="215">
        <v>52152</v>
      </c>
      <c r="G74" s="248">
        <v>43816</v>
      </c>
      <c r="H74" s="249">
        <v>0.01</v>
      </c>
      <c r="I74" s="250" t="s">
        <v>2961</v>
      </c>
      <c r="J74" s="247" t="s">
        <v>2962</v>
      </c>
      <c r="K74" s="248">
        <v>46018</v>
      </c>
      <c r="L74" s="209"/>
      <c r="M74" s="206"/>
      <c r="N74" s="206"/>
    </row>
    <row r="75" spans="1:14" ht="15" customHeight="1" x14ac:dyDescent="0.3">
      <c r="B75" s="206"/>
      <c r="C75" s="220" t="s">
        <v>2965</v>
      </c>
      <c r="D75" s="215">
        <v>55152</v>
      </c>
      <c r="E75" s="247" t="s">
        <v>274</v>
      </c>
      <c r="F75" s="215">
        <v>55152</v>
      </c>
      <c r="G75" s="248">
        <v>44228</v>
      </c>
      <c r="H75" s="249">
        <v>5.0000000000000001E-3</v>
      </c>
      <c r="I75" s="250" t="s">
        <v>2961</v>
      </c>
      <c r="J75" s="247" t="s">
        <v>2962</v>
      </c>
      <c r="K75" s="248">
        <v>46372</v>
      </c>
      <c r="L75" s="209"/>
      <c r="M75" s="206"/>
      <c r="N75" s="206"/>
    </row>
    <row r="76" spans="1:14" ht="15" customHeight="1" x14ac:dyDescent="0.3">
      <c r="B76" s="206"/>
      <c r="C76" s="220" t="s">
        <v>2966</v>
      </c>
      <c r="D76" s="215">
        <v>30752</v>
      </c>
      <c r="E76" s="247" t="s">
        <v>274</v>
      </c>
      <c r="F76" s="215">
        <v>30752</v>
      </c>
      <c r="G76" s="248">
        <v>44811</v>
      </c>
      <c r="H76" s="249">
        <v>0.03</v>
      </c>
      <c r="I76" s="250" t="s">
        <v>2967</v>
      </c>
      <c r="J76" s="247" t="s">
        <v>2968</v>
      </c>
      <c r="K76" s="248">
        <v>46727</v>
      </c>
      <c r="L76" s="248">
        <v>47093</v>
      </c>
      <c r="M76" s="206"/>
      <c r="N76" s="206"/>
    </row>
    <row r="77" spans="1:14" ht="15" customHeight="1" x14ac:dyDescent="0.3">
      <c r="B77" s="206"/>
      <c r="C77" s="220" t="s">
        <v>2969</v>
      </c>
      <c r="D77" s="215">
        <v>8702</v>
      </c>
      <c r="E77" s="247" t="s">
        <v>274</v>
      </c>
      <c r="F77" s="215">
        <v>8702</v>
      </c>
      <c r="G77" s="248">
        <v>44971</v>
      </c>
      <c r="H77" s="249">
        <v>0.03</v>
      </c>
      <c r="I77" s="250" t="s">
        <v>2967</v>
      </c>
      <c r="J77" s="247" t="s">
        <v>2968</v>
      </c>
      <c r="K77" s="248">
        <v>47063</v>
      </c>
      <c r="L77" s="248">
        <v>47428</v>
      </c>
      <c r="M77" s="206"/>
      <c r="N77" s="206"/>
    </row>
    <row r="78" spans="1:14" ht="15" customHeight="1" x14ac:dyDescent="0.3">
      <c r="B78" s="206"/>
      <c r="C78" s="220" t="s">
        <v>2970</v>
      </c>
      <c r="D78" s="215">
        <v>2</v>
      </c>
      <c r="E78" s="247" t="s">
        <v>274</v>
      </c>
      <c r="F78" s="215">
        <v>2</v>
      </c>
      <c r="G78" s="248">
        <v>44971</v>
      </c>
      <c r="H78" s="249">
        <v>0.03</v>
      </c>
      <c r="I78" s="250" t="s">
        <v>2967</v>
      </c>
      <c r="J78" s="247" t="s">
        <v>2968</v>
      </c>
      <c r="K78" s="248">
        <v>47458</v>
      </c>
      <c r="L78" s="248">
        <v>47823</v>
      </c>
      <c r="M78" s="206"/>
      <c r="N78" s="206"/>
    </row>
    <row r="79" spans="1:14" x14ac:dyDescent="0.3">
      <c r="B79" s="206"/>
      <c r="C79" s="220" t="s">
        <v>2913</v>
      </c>
      <c r="D79" s="251"/>
      <c r="E79" s="251"/>
      <c r="F79" s="215">
        <v>249834</v>
      </c>
      <c r="G79" s="252"/>
      <c r="H79" s="252"/>
      <c r="I79" s="253"/>
      <c r="J79" s="252"/>
      <c r="K79" s="252"/>
      <c r="L79" s="252"/>
      <c r="M79" s="206"/>
      <c r="N79" s="206"/>
    </row>
    <row r="80" spans="1:14" x14ac:dyDescent="0.3">
      <c r="B80" s="206"/>
      <c r="C80" s="254"/>
      <c r="D80" s="255"/>
      <c r="E80" s="255"/>
      <c r="F80" s="255"/>
      <c r="G80" s="255"/>
      <c r="H80" s="255"/>
      <c r="I80" s="255"/>
      <c r="J80" s="255"/>
      <c r="K80" s="206"/>
      <c r="L80" s="206"/>
      <c r="M80" s="206"/>
      <c r="N80" s="206"/>
    </row>
    <row r="81" spans="2:14" x14ac:dyDescent="0.3">
      <c r="B81" s="206"/>
      <c r="C81" s="213" t="s">
        <v>2971</v>
      </c>
      <c r="D81" s="245"/>
      <c r="E81" s="245"/>
      <c r="F81" s="245"/>
      <c r="G81" s="245"/>
      <c r="H81" s="245"/>
      <c r="I81" s="245"/>
      <c r="J81" s="245"/>
      <c r="K81" s="214"/>
      <c r="L81" s="214"/>
      <c r="M81" s="206"/>
      <c r="N81" s="206"/>
    </row>
    <row r="82" spans="2:14" ht="28.8" x14ac:dyDescent="0.3">
      <c r="B82" s="206"/>
      <c r="C82" s="213" t="s">
        <v>2951</v>
      </c>
      <c r="D82" s="219" t="s">
        <v>2952</v>
      </c>
      <c r="E82" s="219" t="s">
        <v>2953</v>
      </c>
      <c r="F82" s="219" t="s">
        <v>2954</v>
      </c>
      <c r="G82" s="219" t="s">
        <v>2955</v>
      </c>
      <c r="H82" s="246" t="s">
        <v>2956</v>
      </c>
      <c r="I82" s="219" t="s">
        <v>2914</v>
      </c>
      <c r="J82" s="219" t="s">
        <v>2957</v>
      </c>
      <c r="K82" s="219" t="s">
        <v>2958</v>
      </c>
      <c r="L82" s="219" t="s">
        <v>2959</v>
      </c>
      <c r="M82" s="206"/>
      <c r="N82" s="206"/>
    </row>
    <row r="83" spans="2:14" x14ac:dyDescent="0.3">
      <c r="B83" s="206"/>
      <c r="C83" s="220" t="s">
        <v>2972</v>
      </c>
      <c r="D83" s="215">
        <v>1000</v>
      </c>
      <c r="E83" s="247" t="s">
        <v>446</v>
      </c>
      <c r="F83" s="215">
        <v>11263.63</v>
      </c>
      <c r="G83" s="248">
        <v>42906</v>
      </c>
      <c r="H83" s="240">
        <v>2.5000000000000001E-3</v>
      </c>
      <c r="I83" s="250" t="s">
        <v>2961</v>
      </c>
      <c r="J83" s="247" t="s">
        <v>2962</v>
      </c>
      <c r="K83" s="248">
        <v>45463</v>
      </c>
      <c r="L83" s="209"/>
      <c r="M83" s="206"/>
      <c r="N83" s="206"/>
    </row>
    <row r="84" spans="2:14" x14ac:dyDescent="0.3">
      <c r="B84" s="206"/>
      <c r="C84" s="220" t="s">
        <v>2973</v>
      </c>
      <c r="D84" s="215">
        <v>1250</v>
      </c>
      <c r="E84" s="247" t="s">
        <v>446</v>
      </c>
      <c r="F84" s="215">
        <v>14079.537499999999</v>
      </c>
      <c r="G84" s="248">
        <v>43496</v>
      </c>
      <c r="H84" s="240">
        <v>3.7499999999999999E-3</v>
      </c>
      <c r="I84" s="250" t="s">
        <v>2961</v>
      </c>
      <c r="J84" s="247" t="s">
        <v>2962</v>
      </c>
      <c r="K84" s="248">
        <v>46062</v>
      </c>
      <c r="L84" s="209"/>
      <c r="M84" s="206"/>
      <c r="N84" s="206"/>
    </row>
    <row r="85" spans="2:14" x14ac:dyDescent="0.3">
      <c r="B85" s="206"/>
      <c r="C85" s="220" t="s">
        <v>2974</v>
      </c>
      <c r="D85" s="215">
        <v>1500</v>
      </c>
      <c r="E85" s="247" t="s">
        <v>446</v>
      </c>
      <c r="F85" s="215">
        <v>16895.445</v>
      </c>
      <c r="G85" s="248">
        <v>44648</v>
      </c>
      <c r="H85" s="240">
        <v>7.4999999999999997E-3</v>
      </c>
      <c r="I85" s="250" t="s">
        <v>2961</v>
      </c>
      <c r="J85" s="247" t="s">
        <v>2962</v>
      </c>
      <c r="K85" s="248">
        <v>46566</v>
      </c>
      <c r="L85" s="209"/>
      <c r="M85" s="206"/>
      <c r="N85" s="206"/>
    </row>
    <row r="86" spans="2:14" x14ac:dyDescent="0.3">
      <c r="B86" s="206"/>
      <c r="C86" s="220" t="s">
        <v>2975</v>
      </c>
      <c r="D86" s="215">
        <v>750</v>
      </c>
      <c r="E86" s="247" t="s">
        <v>2976</v>
      </c>
      <c r="F86" s="215">
        <v>8447.7224999999999</v>
      </c>
      <c r="G86" s="248">
        <v>43054</v>
      </c>
      <c r="H86" s="240">
        <v>7.4999999999999997E-3</v>
      </c>
      <c r="I86" s="250" t="s">
        <v>2961</v>
      </c>
      <c r="J86" s="247" t="s">
        <v>2962</v>
      </c>
      <c r="K86" s="248">
        <v>46706</v>
      </c>
      <c r="L86" s="209"/>
      <c r="M86" s="206"/>
      <c r="N86" s="206"/>
    </row>
    <row r="87" spans="2:14" ht="16.2" x14ac:dyDescent="0.3">
      <c r="B87" s="206"/>
      <c r="C87" s="220" t="s">
        <v>2977</v>
      </c>
      <c r="D87" s="215">
        <v>1500</v>
      </c>
      <c r="E87" s="247" t="s">
        <v>2976</v>
      </c>
      <c r="F87" s="215">
        <v>16895.445</v>
      </c>
      <c r="G87" s="248">
        <v>44984</v>
      </c>
      <c r="H87" s="240">
        <v>3.2500000000000001E-2</v>
      </c>
      <c r="I87" s="250" t="s">
        <v>2967</v>
      </c>
      <c r="J87" s="247" t="s">
        <v>2968</v>
      </c>
      <c r="K87" s="248">
        <v>46877</v>
      </c>
      <c r="L87" s="248">
        <v>47242</v>
      </c>
      <c r="M87" s="206"/>
      <c r="N87" s="206"/>
    </row>
    <row r="88" spans="2:14" x14ac:dyDescent="0.3">
      <c r="B88" s="206"/>
      <c r="C88" s="209" t="s">
        <v>2913</v>
      </c>
      <c r="D88" s="251"/>
      <c r="E88" s="252"/>
      <c r="F88" s="215">
        <v>67581.78</v>
      </c>
      <c r="G88" s="252"/>
      <c r="H88" s="252"/>
      <c r="I88" s="253"/>
      <c r="J88" s="252"/>
      <c r="K88" s="252"/>
      <c r="L88" s="252"/>
      <c r="M88" s="206"/>
      <c r="N88" s="206"/>
    </row>
    <row r="89" spans="2:14" x14ac:dyDescent="0.3">
      <c r="B89" s="206"/>
      <c r="C89" s="206"/>
      <c r="D89" s="206"/>
      <c r="E89" s="206"/>
      <c r="F89" s="206"/>
      <c r="G89" s="206"/>
      <c r="H89" s="206"/>
      <c r="I89" s="256"/>
      <c r="J89" s="206"/>
      <c r="K89" s="206"/>
      <c r="L89" s="206"/>
      <c r="M89" s="206"/>
      <c r="N89" s="206"/>
    </row>
    <row r="90" spans="2:14" x14ac:dyDescent="0.3">
      <c r="B90" s="206"/>
      <c r="C90" s="213" t="s">
        <v>2978</v>
      </c>
      <c r="D90" s="245"/>
      <c r="E90" s="245"/>
      <c r="F90" s="245"/>
      <c r="G90" s="245"/>
      <c r="H90" s="245"/>
      <c r="I90" s="245"/>
      <c r="J90" s="245"/>
      <c r="K90" s="214"/>
      <c r="L90" s="214"/>
      <c r="M90" s="206"/>
      <c r="N90" s="206"/>
    </row>
    <row r="91" spans="2:14" ht="28.8" x14ac:dyDescent="0.3">
      <c r="B91" s="206"/>
      <c r="C91" s="213" t="s">
        <v>2951</v>
      </c>
      <c r="D91" s="219" t="s">
        <v>2952</v>
      </c>
      <c r="E91" s="219" t="s">
        <v>2953</v>
      </c>
      <c r="F91" s="219" t="s">
        <v>2954</v>
      </c>
      <c r="G91" s="219" t="s">
        <v>2955</v>
      </c>
      <c r="H91" s="246" t="s">
        <v>2956</v>
      </c>
      <c r="I91" s="219" t="s">
        <v>2914</v>
      </c>
      <c r="J91" s="219" t="s">
        <v>2957</v>
      </c>
      <c r="K91" s="219" t="s">
        <v>2958</v>
      </c>
      <c r="L91" s="219" t="s">
        <v>2959</v>
      </c>
      <c r="M91" s="206"/>
      <c r="N91" s="206"/>
    </row>
    <row r="92" spans="2:14" x14ac:dyDescent="0.3">
      <c r="B92" s="206"/>
      <c r="C92" s="220" t="s">
        <v>2979</v>
      </c>
      <c r="D92" s="215">
        <v>3496</v>
      </c>
      <c r="E92" s="247" t="s">
        <v>274</v>
      </c>
      <c r="F92" s="215">
        <v>3379</v>
      </c>
      <c r="G92" s="248">
        <v>39783</v>
      </c>
      <c r="H92" s="240">
        <v>4.2500000000000003E-2</v>
      </c>
      <c r="I92" s="250" t="s">
        <v>2961</v>
      </c>
      <c r="J92" s="247" t="s">
        <v>2962</v>
      </c>
      <c r="K92" s="248">
        <v>45261</v>
      </c>
      <c r="L92" s="209"/>
      <c r="M92" s="206"/>
      <c r="N92" s="206"/>
    </row>
    <row r="93" spans="2:14" x14ac:dyDescent="0.3">
      <c r="B93" s="206"/>
      <c r="C93" s="220" t="s">
        <v>2980</v>
      </c>
      <c r="D93" s="215">
        <v>580</v>
      </c>
      <c r="E93" s="247" t="s">
        <v>274</v>
      </c>
      <c r="F93" s="215">
        <v>580</v>
      </c>
      <c r="G93" s="248">
        <v>40597</v>
      </c>
      <c r="H93" s="240">
        <v>0.05</v>
      </c>
      <c r="I93" s="250" t="s">
        <v>2961</v>
      </c>
      <c r="J93" s="247" t="s">
        <v>2962</v>
      </c>
      <c r="K93" s="248">
        <v>46076</v>
      </c>
      <c r="L93" s="209"/>
      <c r="M93" s="206"/>
      <c r="N93" s="206"/>
    </row>
    <row r="94" spans="2:14" x14ac:dyDescent="0.3">
      <c r="B94" s="206"/>
      <c r="C94" s="220" t="s">
        <v>2981</v>
      </c>
      <c r="D94" s="215">
        <v>3684</v>
      </c>
      <c r="E94" s="247" t="s">
        <v>274</v>
      </c>
      <c r="F94" s="215">
        <v>3684</v>
      </c>
      <c r="G94" s="248">
        <v>44169</v>
      </c>
      <c r="H94" s="240">
        <v>0.01</v>
      </c>
      <c r="I94" s="250" t="s">
        <v>2961</v>
      </c>
      <c r="J94" s="247" t="s">
        <v>2962</v>
      </c>
      <c r="K94" s="248">
        <v>47471</v>
      </c>
      <c r="L94" s="209"/>
      <c r="M94" s="206"/>
      <c r="N94" s="206"/>
    </row>
    <row r="95" spans="2:14" x14ac:dyDescent="0.3">
      <c r="B95" s="206"/>
      <c r="C95" s="220" t="s">
        <v>2982</v>
      </c>
      <c r="D95" s="215">
        <v>1000</v>
      </c>
      <c r="E95" s="247" t="s">
        <v>274</v>
      </c>
      <c r="F95" s="215">
        <v>1000</v>
      </c>
      <c r="G95" s="248">
        <v>40836</v>
      </c>
      <c r="H95" s="240">
        <v>3.3750000000000002E-2</v>
      </c>
      <c r="I95" s="250" t="s">
        <v>2961</v>
      </c>
      <c r="J95" s="247" t="s">
        <v>2962</v>
      </c>
      <c r="K95" s="248">
        <v>48172</v>
      </c>
      <c r="L95" s="209"/>
      <c r="M95" s="206"/>
      <c r="N95" s="206"/>
    </row>
    <row r="96" spans="2:14" x14ac:dyDescent="0.3">
      <c r="B96" s="206"/>
      <c r="C96" s="220" t="s">
        <v>2983</v>
      </c>
      <c r="D96" s="215">
        <v>500</v>
      </c>
      <c r="E96" s="247" t="s">
        <v>274</v>
      </c>
      <c r="F96" s="215">
        <v>500</v>
      </c>
      <c r="G96" s="248">
        <v>40990</v>
      </c>
      <c r="H96" s="240">
        <v>3.5999999999999997E-2</v>
      </c>
      <c r="I96" s="250" t="s">
        <v>2961</v>
      </c>
      <c r="J96" s="247" t="s">
        <v>2962</v>
      </c>
      <c r="K96" s="248">
        <v>48295</v>
      </c>
      <c r="L96" s="209"/>
      <c r="M96" s="206"/>
      <c r="N96" s="206"/>
    </row>
    <row r="97" spans="2:14" x14ac:dyDescent="0.3">
      <c r="B97" s="206"/>
      <c r="C97" s="220" t="s">
        <v>2984</v>
      </c>
      <c r="D97" s="215">
        <v>2794</v>
      </c>
      <c r="E97" s="247" t="s">
        <v>274</v>
      </c>
      <c r="F97" s="215">
        <v>2794</v>
      </c>
      <c r="G97" s="248">
        <v>39902</v>
      </c>
      <c r="H97" s="240">
        <v>4.4999999999999998E-2</v>
      </c>
      <c r="I97" s="250" t="s">
        <v>2961</v>
      </c>
      <c r="J97" s="247" t="s">
        <v>2962</v>
      </c>
      <c r="K97" s="248">
        <v>51034</v>
      </c>
      <c r="L97" s="209"/>
      <c r="M97" s="206"/>
      <c r="N97" s="206"/>
    </row>
    <row r="98" spans="2:14" x14ac:dyDescent="0.3">
      <c r="B98" s="206"/>
      <c r="C98" s="220" t="s">
        <v>2985</v>
      </c>
      <c r="D98" s="215">
        <v>200</v>
      </c>
      <c r="E98" s="247" t="s">
        <v>274</v>
      </c>
      <c r="F98" s="215">
        <v>200</v>
      </c>
      <c r="G98" s="248">
        <v>40813</v>
      </c>
      <c r="H98" s="240">
        <v>3.2500000000000001E-2</v>
      </c>
      <c r="I98" s="250" t="s">
        <v>2961</v>
      </c>
      <c r="J98" s="247" t="s">
        <v>2962</v>
      </c>
      <c r="K98" s="248">
        <v>51771</v>
      </c>
      <c r="L98" s="209"/>
      <c r="M98" s="206"/>
      <c r="N98" s="206"/>
    </row>
    <row r="99" spans="2:14" x14ac:dyDescent="0.3">
      <c r="B99" s="206"/>
      <c r="C99" s="209" t="s">
        <v>2913</v>
      </c>
      <c r="D99" s="251"/>
      <c r="E99" s="252"/>
      <c r="F99" s="215">
        <v>12137</v>
      </c>
      <c r="G99" s="252"/>
      <c r="H99" s="252"/>
      <c r="I99" s="253"/>
      <c r="J99" s="252"/>
      <c r="K99" s="252"/>
      <c r="L99" s="252"/>
      <c r="M99" s="206"/>
      <c r="N99" s="206"/>
    </row>
    <row r="100" spans="2:14" x14ac:dyDescent="0.3">
      <c r="B100" s="206"/>
      <c r="C100" s="206"/>
      <c r="D100" s="233"/>
      <c r="E100" s="206"/>
      <c r="F100" s="206"/>
      <c r="G100" s="206"/>
      <c r="H100" s="257"/>
      <c r="I100" s="206"/>
      <c r="J100" s="206"/>
      <c r="K100" s="206"/>
      <c r="L100" s="258"/>
      <c r="M100" s="206"/>
      <c r="N100" s="206"/>
    </row>
    <row r="101" spans="2:14" ht="28.8" x14ac:dyDescent="0.3">
      <c r="B101" s="206"/>
      <c r="C101" s="213"/>
      <c r="D101" s="219" t="s">
        <v>2954</v>
      </c>
      <c r="E101" s="206"/>
      <c r="F101" s="206"/>
      <c r="G101" s="206"/>
      <c r="H101" s="257"/>
      <c r="I101" s="206"/>
      <c r="J101" s="206"/>
      <c r="K101" s="206"/>
      <c r="L101" s="258"/>
      <c r="M101" s="206"/>
      <c r="N101" s="206"/>
    </row>
    <row r="102" spans="2:14" x14ac:dyDescent="0.3">
      <c r="B102" s="206"/>
      <c r="C102" s="215" t="s">
        <v>2986</v>
      </c>
      <c r="D102" s="215">
        <v>329552.78000000003</v>
      </c>
      <c r="E102" s="206"/>
      <c r="F102" s="206"/>
      <c r="G102" s="206"/>
      <c r="H102" s="257"/>
      <c r="I102" s="206"/>
      <c r="J102" s="206"/>
      <c r="K102" s="206"/>
      <c r="L102" s="258"/>
      <c r="M102" s="206"/>
      <c r="N102" s="206"/>
    </row>
    <row r="103" spans="2:14" ht="14.25" customHeight="1" x14ac:dyDescent="0.3">
      <c r="B103" s="206"/>
      <c r="C103" s="215" t="s">
        <v>2987</v>
      </c>
      <c r="D103" s="215">
        <v>604</v>
      </c>
      <c r="E103" s="206"/>
      <c r="F103" s="206"/>
      <c r="G103" s="206"/>
      <c r="H103" s="257"/>
      <c r="I103" s="206"/>
      <c r="J103" s="206"/>
      <c r="K103" s="206"/>
      <c r="L103" s="258"/>
      <c r="M103" s="206"/>
      <c r="N103" s="206"/>
    </row>
    <row r="104" spans="2:14" x14ac:dyDescent="0.3">
      <c r="B104" s="206"/>
      <c r="C104" s="206"/>
      <c r="D104" s="206"/>
      <c r="E104" s="206"/>
      <c r="F104" s="206"/>
      <c r="G104" s="206"/>
      <c r="H104" s="206"/>
      <c r="I104" s="206"/>
      <c r="J104" s="206"/>
      <c r="K104" s="206"/>
      <c r="L104" s="206"/>
      <c r="M104" s="206"/>
      <c r="N104" s="206"/>
    </row>
    <row r="105" spans="2:14" x14ac:dyDescent="0.3">
      <c r="B105" s="206"/>
      <c r="C105" s="259"/>
      <c r="D105" s="259"/>
      <c r="E105" s="259"/>
      <c r="F105" s="259"/>
      <c r="G105" s="259"/>
      <c r="H105" s="259"/>
      <c r="I105" s="259"/>
      <c r="J105" s="259"/>
      <c r="K105" s="259"/>
      <c r="L105" s="259"/>
      <c r="M105" s="206"/>
      <c r="N105" s="206"/>
    </row>
    <row r="106" spans="2:14" x14ac:dyDescent="0.3">
      <c r="B106" s="206"/>
      <c r="C106" s="212" t="s">
        <v>2988</v>
      </c>
      <c r="D106" s="213"/>
      <c r="E106" s="213"/>
      <c r="F106" s="213"/>
      <c r="G106" s="213"/>
      <c r="H106" s="213"/>
      <c r="I106" s="213"/>
      <c r="J106" s="213"/>
      <c r="K106" s="213"/>
      <c r="L106" s="213"/>
      <c r="M106" s="206"/>
      <c r="N106" s="206"/>
    </row>
    <row r="107" spans="2:14" ht="46.5" customHeight="1" x14ac:dyDescent="0.3">
      <c r="B107" s="206"/>
      <c r="C107" s="260">
        <v>1</v>
      </c>
      <c r="D107" s="291" t="s">
        <v>2989</v>
      </c>
      <c r="E107" s="292"/>
      <c r="F107" s="292"/>
      <c r="G107" s="292"/>
      <c r="H107" s="292"/>
      <c r="I107" s="292"/>
      <c r="J107" s="292"/>
      <c r="K107" s="292"/>
      <c r="L107" s="293"/>
      <c r="M107" s="254"/>
      <c r="N107" s="206"/>
    </row>
    <row r="108" spans="2:14" x14ac:dyDescent="0.3">
      <c r="B108" s="206"/>
      <c r="C108" s="261"/>
      <c r="D108" s="291"/>
      <c r="E108" s="292"/>
      <c r="F108" s="292"/>
      <c r="G108" s="292"/>
      <c r="H108" s="292"/>
      <c r="I108" s="292"/>
      <c r="J108" s="292"/>
      <c r="K108" s="292"/>
      <c r="L108" s="293"/>
      <c r="M108" s="254"/>
      <c r="N108" s="206"/>
    </row>
    <row r="109" spans="2:14" x14ac:dyDescent="0.3">
      <c r="B109" s="206"/>
      <c r="C109" s="261"/>
      <c r="D109" s="291"/>
      <c r="E109" s="292"/>
      <c r="F109" s="292"/>
      <c r="G109" s="292"/>
      <c r="H109" s="292"/>
      <c r="I109" s="292"/>
      <c r="J109" s="292"/>
      <c r="K109" s="292"/>
      <c r="L109" s="293"/>
      <c r="M109" s="206"/>
      <c r="N109" s="206"/>
    </row>
    <row r="110" spans="2:14" x14ac:dyDescent="0.3">
      <c r="B110" s="206"/>
      <c r="C110" s="206"/>
      <c r="D110" s="206"/>
      <c r="E110" s="206"/>
      <c r="F110" s="206"/>
      <c r="G110" s="206"/>
      <c r="H110" s="206"/>
      <c r="I110" s="206"/>
      <c r="J110" s="206"/>
      <c r="K110" s="206"/>
      <c r="L110" s="206"/>
      <c r="M110" s="206"/>
      <c r="N110" s="206"/>
    </row>
    <row r="111" spans="2:14" x14ac:dyDescent="0.3">
      <c r="B111" s="206"/>
      <c r="C111" s="213" t="s">
        <v>2990</v>
      </c>
      <c r="D111" s="237">
        <v>2023</v>
      </c>
      <c r="E111" s="237">
        <v>2024</v>
      </c>
      <c r="F111" s="237">
        <v>2025</v>
      </c>
      <c r="G111" s="237">
        <v>2026</v>
      </c>
      <c r="H111" s="237">
        <v>2027</v>
      </c>
      <c r="I111" s="237" t="s">
        <v>2991</v>
      </c>
      <c r="J111" s="237" t="s">
        <v>2992</v>
      </c>
      <c r="K111" s="237" t="s">
        <v>2993</v>
      </c>
      <c r="L111" s="237" t="s">
        <v>2913</v>
      </c>
      <c r="M111" s="206"/>
      <c r="N111" s="206"/>
    </row>
    <row r="112" spans="2:14" x14ac:dyDescent="0.3">
      <c r="B112" s="206"/>
      <c r="C112" s="209" t="s">
        <v>366</v>
      </c>
      <c r="D112" s="215">
        <v>51083</v>
      </c>
      <c r="E112" s="215">
        <v>66965.63</v>
      </c>
      <c r="F112" s="215">
        <v>52152</v>
      </c>
      <c r="G112" s="215">
        <v>69811.537500000006</v>
      </c>
      <c r="H112" s="215">
        <v>56095.167499999996</v>
      </c>
      <c r="I112" s="215">
        <v>30451.445</v>
      </c>
      <c r="J112" s="215">
        <v>0</v>
      </c>
      <c r="K112" s="215">
        <v>2994</v>
      </c>
      <c r="L112" s="225">
        <v>329552.78000000003</v>
      </c>
      <c r="M112" s="206"/>
      <c r="N112" s="206"/>
    </row>
    <row r="113" spans="2:14" x14ac:dyDescent="0.3">
      <c r="B113" s="206"/>
      <c r="C113" s="209" t="s">
        <v>2994</v>
      </c>
      <c r="D113" s="221">
        <v>0.15500703711253777</v>
      </c>
      <c r="E113" s="221">
        <v>0.20320153269530908</v>
      </c>
      <c r="F113" s="221">
        <v>0.15825082707540805</v>
      </c>
      <c r="G113" s="221">
        <v>0.21183719797478268</v>
      </c>
      <c r="H113" s="221">
        <v>0.17021603489431947</v>
      </c>
      <c r="I113" s="221">
        <v>9.2402330819360695E-2</v>
      </c>
      <c r="J113" s="221">
        <v>0</v>
      </c>
      <c r="K113" s="221">
        <v>9.0850394282821698E-3</v>
      </c>
      <c r="L113" s="221">
        <v>1</v>
      </c>
      <c r="M113" s="206"/>
      <c r="N113" s="206"/>
    </row>
    <row r="114" spans="2:14" x14ac:dyDescent="0.3">
      <c r="B114" s="206"/>
      <c r="C114" s="206"/>
      <c r="D114" s="206"/>
      <c r="E114" s="206"/>
      <c r="F114" s="206"/>
      <c r="G114" s="206"/>
      <c r="H114" s="206"/>
      <c r="I114" s="206"/>
      <c r="J114" s="206"/>
      <c r="K114" s="206"/>
      <c r="L114" s="206"/>
      <c r="M114" s="206"/>
      <c r="N114" s="206"/>
    </row>
    <row r="115" spans="2:14" ht="18" x14ac:dyDescent="0.35">
      <c r="B115" s="206"/>
      <c r="C115" s="207" t="s">
        <v>2995</v>
      </c>
      <c r="D115" s="244"/>
      <c r="E115" s="244"/>
      <c r="F115" s="244"/>
      <c r="G115" s="244"/>
      <c r="H115" s="244"/>
      <c r="I115" s="244"/>
      <c r="J115" s="244"/>
      <c r="K115" s="244"/>
      <c r="L115" s="244"/>
      <c r="M115" s="206"/>
      <c r="N115" s="206"/>
    </row>
    <row r="116" spans="2:14" x14ac:dyDescent="0.3">
      <c r="B116" s="206"/>
      <c r="C116" s="206"/>
      <c r="D116" s="235"/>
      <c r="E116" s="206"/>
      <c r="F116" s="206"/>
      <c r="G116" s="206"/>
      <c r="H116" s="206"/>
      <c r="I116" s="206"/>
      <c r="J116" s="206"/>
      <c r="K116" s="206"/>
      <c r="L116" s="206"/>
      <c r="M116" s="206"/>
      <c r="N116" s="206"/>
    </row>
    <row r="117" spans="2:14" ht="28.8" x14ac:dyDescent="0.3">
      <c r="B117" s="206"/>
      <c r="C117" s="262" t="s">
        <v>2996</v>
      </c>
      <c r="D117" s="263" t="s">
        <v>2997</v>
      </c>
      <c r="E117" s="219" t="s">
        <v>2998</v>
      </c>
      <c r="F117" s="206"/>
      <c r="G117" s="206"/>
      <c r="H117" s="206"/>
      <c r="I117" s="206"/>
      <c r="J117" s="206"/>
      <c r="K117" s="206"/>
      <c r="L117" s="206"/>
      <c r="M117" s="206"/>
      <c r="N117" s="206"/>
    </row>
    <row r="118" spans="2:14" x14ac:dyDescent="0.3">
      <c r="B118" s="206"/>
      <c r="C118" s="222" t="s">
        <v>274</v>
      </c>
      <c r="D118" s="264">
        <v>706641.77458299999</v>
      </c>
      <c r="E118" s="265">
        <v>261971</v>
      </c>
      <c r="F118" s="206"/>
      <c r="G118" s="206"/>
      <c r="H118" s="206"/>
      <c r="I118" s="206"/>
      <c r="J118" s="206"/>
      <c r="K118" s="206"/>
      <c r="L118" s="206"/>
      <c r="M118" s="206"/>
      <c r="N118" s="206"/>
    </row>
    <row r="119" spans="2:14" x14ac:dyDescent="0.3">
      <c r="B119" s="206"/>
      <c r="C119" s="222" t="s">
        <v>446</v>
      </c>
      <c r="D119" s="264">
        <v>0</v>
      </c>
      <c r="E119" s="265">
        <v>67581.78</v>
      </c>
      <c r="F119" s="206"/>
      <c r="G119" s="206"/>
      <c r="H119" s="206"/>
      <c r="I119" s="206"/>
      <c r="J119" s="206"/>
      <c r="K119" s="206"/>
      <c r="L119" s="206"/>
      <c r="M119" s="206"/>
      <c r="N119" s="206"/>
    </row>
    <row r="120" spans="2:14" x14ac:dyDescent="0.3">
      <c r="B120" s="206"/>
      <c r="C120" s="222" t="s">
        <v>477</v>
      </c>
      <c r="D120" s="264">
        <v>0</v>
      </c>
      <c r="E120" s="265">
        <v>0</v>
      </c>
      <c r="F120" s="206"/>
      <c r="G120" s="206"/>
      <c r="H120" s="206"/>
      <c r="I120" s="206"/>
      <c r="J120" s="206"/>
      <c r="K120" s="206"/>
      <c r="L120" s="206"/>
      <c r="M120" s="206"/>
      <c r="N120" s="206"/>
    </row>
    <row r="121" spans="2:14" x14ac:dyDescent="0.3">
      <c r="B121" s="206"/>
      <c r="C121" s="266" t="s">
        <v>364</v>
      </c>
      <c r="D121" s="267">
        <v>0</v>
      </c>
      <c r="E121" s="268">
        <v>0</v>
      </c>
      <c r="F121" s="206"/>
      <c r="G121" s="206"/>
      <c r="H121" s="206"/>
      <c r="I121" s="206"/>
      <c r="J121" s="206"/>
      <c r="K121" s="206"/>
      <c r="L121" s="206"/>
      <c r="M121" s="206"/>
      <c r="N121" s="206"/>
    </row>
    <row r="122" spans="2:14" x14ac:dyDescent="0.3">
      <c r="B122" s="206"/>
      <c r="C122" s="269" t="s">
        <v>2913</v>
      </c>
      <c r="D122" s="270">
        <v>706641.77458299999</v>
      </c>
      <c r="E122" s="271">
        <v>329552.78000000003</v>
      </c>
      <c r="F122" s="206"/>
      <c r="G122" s="206"/>
      <c r="H122" s="206"/>
      <c r="I122" s="206"/>
      <c r="J122" s="206"/>
      <c r="K122" s="206"/>
      <c r="L122" s="206"/>
      <c r="M122" s="206"/>
      <c r="N122" s="206"/>
    </row>
    <row r="123" spans="2:14" x14ac:dyDescent="0.3">
      <c r="B123" s="206"/>
      <c r="C123" s="206"/>
      <c r="D123" s="235"/>
      <c r="E123" s="206"/>
      <c r="F123" s="206"/>
      <c r="G123" s="206"/>
      <c r="H123" s="206"/>
      <c r="I123" s="206"/>
      <c r="J123" s="206"/>
      <c r="K123" s="206"/>
      <c r="L123" s="206"/>
      <c r="M123" s="206"/>
      <c r="N123" s="206"/>
    </row>
    <row r="124" spans="2:14" x14ac:dyDescent="0.3">
      <c r="B124" s="206"/>
      <c r="C124" s="206"/>
      <c r="D124" s="235"/>
      <c r="E124" s="206"/>
      <c r="F124" s="206"/>
      <c r="G124" s="206"/>
      <c r="H124" s="206"/>
      <c r="I124" s="206"/>
      <c r="J124" s="206"/>
      <c r="K124" s="206"/>
      <c r="L124" s="206"/>
      <c r="M124" s="206"/>
      <c r="N124" s="206"/>
    </row>
    <row r="125" spans="2:14" x14ac:dyDescent="0.3">
      <c r="B125" s="206"/>
      <c r="C125" s="206"/>
      <c r="D125" s="235"/>
      <c r="E125" s="206"/>
      <c r="F125" s="206"/>
      <c r="G125" s="206"/>
      <c r="H125" s="206"/>
      <c r="I125" s="206"/>
      <c r="J125" s="206"/>
      <c r="K125" s="206"/>
      <c r="L125" s="206"/>
      <c r="M125" s="206"/>
      <c r="N125" s="206"/>
    </row>
    <row r="126" spans="2:14" x14ac:dyDescent="0.3">
      <c r="B126" s="206"/>
      <c r="C126" s="206"/>
      <c r="D126" s="235"/>
      <c r="E126" s="206"/>
      <c r="F126" s="206"/>
      <c r="G126" s="206"/>
      <c r="H126" s="206"/>
      <c r="I126" s="206"/>
      <c r="J126" s="206"/>
      <c r="K126" s="206"/>
      <c r="L126" s="206"/>
      <c r="M126" s="206"/>
      <c r="N126" s="206"/>
    </row>
    <row r="127" spans="2:14" x14ac:dyDescent="0.3">
      <c r="B127" s="206"/>
      <c r="C127" s="206"/>
      <c r="D127" s="235"/>
      <c r="E127" s="206"/>
      <c r="F127" s="206"/>
      <c r="G127" s="206"/>
      <c r="H127" s="206"/>
      <c r="I127" s="206"/>
      <c r="J127" s="206"/>
      <c r="K127" s="206"/>
      <c r="L127" s="206"/>
      <c r="M127" s="206"/>
      <c r="N127" s="206"/>
    </row>
    <row r="128" spans="2:14" x14ac:dyDescent="0.3">
      <c r="B128" s="206"/>
      <c r="C128" s="206"/>
      <c r="D128" s="235"/>
      <c r="E128" s="206"/>
      <c r="F128" s="206"/>
      <c r="G128" s="206"/>
      <c r="H128" s="206"/>
      <c r="I128" s="206"/>
      <c r="J128" s="206"/>
      <c r="K128" s="206"/>
      <c r="L128" s="206"/>
      <c r="M128" s="206"/>
      <c r="N128" s="206"/>
    </row>
    <row r="129" spans="2:14" x14ac:dyDescent="0.3">
      <c r="B129" s="206"/>
      <c r="C129" s="206"/>
      <c r="D129" s="235"/>
      <c r="E129" s="206"/>
      <c r="F129" s="206"/>
      <c r="G129" s="206"/>
      <c r="H129" s="206"/>
      <c r="I129" s="206"/>
      <c r="J129" s="206"/>
      <c r="K129" s="206"/>
      <c r="L129" s="206"/>
      <c r="M129" s="206"/>
      <c r="N129" s="206"/>
    </row>
    <row r="130" spans="2:14" x14ac:dyDescent="0.3">
      <c r="B130" s="206"/>
      <c r="C130" s="206"/>
      <c r="D130" s="235"/>
      <c r="E130" s="206"/>
      <c r="F130" s="206"/>
      <c r="G130" s="206"/>
      <c r="H130" s="206"/>
      <c r="I130" s="206"/>
      <c r="J130" s="206"/>
      <c r="K130" s="206"/>
      <c r="L130" s="206"/>
      <c r="M130" s="206"/>
      <c r="N130" s="206"/>
    </row>
    <row r="131" spans="2:14" x14ac:dyDescent="0.3">
      <c r="B131" s="206"/>
      <c r="C131" s="206"/>
      <c r="D131" s="235"/>
      <c r="E131" s="206"/>
      <c r="F131" s="206"/>
      <c r="G131" s="206"/>
      <c r="H131" s="206"/>
      <c r="I131" s="206"/>
      <c r="J131" s="206"/>
      <c r="K131" s="206"/>
      <c r="L131" s="206"/>
      <c r="M131" s="206"/>
      <c r="N131" s="206"/>
    </row>
    <row r="132" spans="2:14" ht="28.8" x14ac:dyDescent="0.3">
      <c r="B132" s="206"/>
      <c r="C132" s="262" t="s">
        <v>2999</v>
      </c>
      <c r="D132" s="263" t="s">
        <v>2997</v>
      </c>
      <c r="E132" s="219" t="s">
        <v>2998</v>
      </c>
      <c r="F132" s="206"/>
      <c r="G132" s="206"/>
      <c r="H132" s="206"/>
      <c r="I132" s="206"/>
      <c r="J132" s="206"/>
      <c r="K132" s="206"/>
      <c r="L132" s="206"/>
      <c r="M132" s="206"/>
      <c r="N132" s="206"/>
    </row>
    <row r="133" spans="2:14" x14ac:dyDescent="0.3">
      <c r="B133" s="206"/>
      <c r="C133" s="222" t="s">
        <v>2916</v>
      </c>
      <c r="D133" s="272">
        <v>410437.63091000001</v>
      </c>
      <c r="E133" s="273">
        <v>604</v>
      </c>
      <c r="F133" s="206"/>
      <c r="G133" s="206"/>
      <c r="H133" s="206"/>
      <c r="I133" s="206"/>
      <c r="J133" s="206"/>
      <c r="K133" s="206"/>
      <c r="L133" s="206"/>
      <c r="M133" s="206"/>
      <c r="N133" s="206"/>
    </row>
    <row r="134" spans="2:14" x14ac:dyDescent="0.3">
      <c r="B134" s="206"/>
      <c r="C134" s="222" t="s">
        <v>2918</v>
      </c>
      <c r="D134" s="274">
        <v>296204.14367199998</v>
      </c>
      <c r="E134" s="275">
        <v>328948.78000000003</v>
      </c>
      <c r="F134" s="206"/>
      <c r="G134" s="206"/>
      <c r="H134" s="206"/>
      <c r="I134" s="206"/>
      <c r="J134" s="206"/>
      <c r="K134" s="206"/>
      <c r="L134" s="206"/>
      <c r="M134" s="206"/>
      <c r="N134" s="206"/>
    </row>
    <row r="135" spans="2:14" x14ac:dyDescent="0.3">
      <c r="B135" s="206"/>
      <c r="C135" s="276" t="s">
        <v>3000</v>
      </c>
      <c r="D135" s="277">
        <v>0</v>
      </c>
      <c r="E135" s="278">
        <v>0</v>
      </c>
      <c r="F135" s="206"/>
      <c r="G135" s="206"/>
      <c r="H135" s="206"/>
      <c r="I135" s="206"/>
      <c r="J135" s="206"/>
      <c r="K135" s="206"/>
      <c r="L135" s="206"/>
      <c r="M135" s="206"/>
      <c r="N135" s="206"/>
    </row>
    <row r="136" spans="2:14" x14ac:dyDescent="0.3">
      <c r="B136" s="206"/>
      <c r="C136" s="269" t="s">
        <v>2913</v>
      </c>
      <c r="D136" s="270">
        <v>706641.77458199998</v>
      </c>
      <c r="E136" s="271">
        <v>329552.78000000003</v>
      </c>
      <c r="F136" s="206"/>
      <c r="G136" s="206"/>
      <c r="H136" s="206"/>
      <c r="I136" s="206"/>
      <c r="J136" s="206"/>
      <c r="K136" s="206"/>
      <c r="L136" s="206"/>
      <c r="M136" s="206"/>
      <c r="N136" s="206"/>
    </row>
    <row r="137" spans="2:14" x14ac:dyDescent="0.3">
      <c r="B137" s="206"/>
      <c r="C137" s="206"/>
      <c r="D137" s="206"/>
      <c r="E137" s="206"/>
      <c r="F137" s="206"/>
      <c r="G137" s="206"/>
      <c r="H137" s="206"/>
      <c r="I137" s="206"/>
      <c r="J137" s="206"/>
      <c r="K137" s="206"/>
      <c r="L137" s="206"/>
      <c r="M137" s="206"/>
      <c r="N137" s="206"/>
    </row>
    <row r="138" spans="2:14" x14ac:dyDescent="0.3">
      <c r="B138" s="206"/>
      <c r="C138" s="206"/>
      <c r="D138" s="206"/>
      <c r="E138" s="206"/>
      <c r="F138" s="206"/>
      <c r="G138" s="206"/>
      <c r="H138" s="206"/>
      <c r="I138" s="206"/>
      <c r="J138" s="206"/>
      <c r="K138" s="206"/>
      <c r="L138" s="206"/>
      <c r="M138" s="206"/>
      <c r="N138" s="206"/>
    </row>
    <row r="139" spans="2:14" x14ac:dyDescent="0.3">
      <c r="B139" s="206"/>
      <c r="C139" s="206"/>
      <c r="D139" s="206"/>
      <c r="E139" s="206"/>
      <c r="F139" s="206"/>
      <c r="G139" s="206"/>
      <c r="H139" s="206"/>
      <c r="I139" s="206"/>
      <c r="J139" s="206"/>
      <c r="K139" s="206"/>
      <c r="L139" s="206"/>
      <c r="M139" s="206"/>
      <c r="N139" s="206"/>
    </row>
    <row r="140" spans="2:14" x14ac:dyDescent="0.3">
      <c r="B140" s="206"/>
      <c r="C140" s="206"/>
      <c r="D140" s="206"/>
      <c r="E140" s="206"/>
      <c r="F140" s="206"/>
      <c r="G140" s="206"/>
      <c r="H140" s="206"/>
      <c r="I140" s="206"/>
      <c r="J140" s="206"/>
      <c r="K140" s="206"/>
      <c r="L140" s="206"/>
      <c r="M140" s="206"/>
      <c r="N140" s="206"/>
    </row>
    <row r="141" spans="2:14" x14ac:dyDescent="0.3">
      <c r="B141" s="206"/>
      <c r="C141" s="206"/>
      <c r="D141" s="206"/>
      <c r="E141" s="206"/>
      <c r="F141" s="206"/>
      <c r="G141" s="206"/>
      <c r="H141" s="206"/>
      <c r="I141" s="206"/>
      <c r="J141" s="206"/>
      <c r="K141" s="206"/>
      <c r="L141" s="206"/>
      <c r="M141" s="206"/>
      <c r="N141" s="206"/>
    </row>
    <row r="142" spans="2:14" x14ac:dyDescent="0.3">
      <c r="B142" s="206"/>
      <c r="C142" s="206"/>
      <c r="D142" s="235"/>
      <c r="E142" s="206"/>
      <c r="F142" s="206"/>
      <c r="G142" s="206"/>
      <c r="H142" s="206"/>
      <c r="I142" s="206"/>
      <c r="J142" s="206"/>
      <c r="K142" s="206"/>
      <c r="L142" s="206"/>
      <c r="M142" s="206"/>
      <c r="N142" s="206"/>
    </row>
    <row r="143" spans="2:14" x14ac:dyDescent="0.3">
      <c r="B143" s="206"/>
      <c r="C143" s="206"/>
      <c r="D143" s="235"/>
      <c r="E143" s="206"/>
      <c r="F143" s="206"/>
      <c r="G143" s="206"/>
      <c r="H143" s="206"/>
      <c r="I143" s="206"/>
      <c r="J143" s="206"/>
      <c r="K143" s="206"/>
      <c r="L143" s="206"/>
      <c r="M143" s="206"/>
      <c r="N143" s="206"/>
    </row>
    <row r="144" spans="2:14" x14ac:dyDescent="0.3">
      <c r="B144" s="206"/>
      <c r="C144" s="206"/>
      <c r="D144" s="235"/>
      <c r="E144" s="206"/>
      <c r="F144" s="206"/>
      <c r="G144" s="206"/>
      <c r="H144" s="206"/>
      <c r="I144" s="206"/>
      <c r="J144" s="206"/>
      <c r="K144" s="206"/>
      <c r="L144" s="206"/>
      <c r="M144" s="206"/>
      <c r="N144" s="206"/>
    </row>
    <row r="145" spans="2:14" x14ac:dyDescent="0.3">
      <c r="B145" s="206"/>
      <c r="C145" s="206"/>
      <c r="D145" s="235"/>
      <c r="E145" s="206"/>
      <c r="F145" s="206"/>
      <c r="G145" s="206"/>
      <c r="H145" s="206"/>
      <c r="I145" s="206"/>
      <c r="J145" s="206"/>
      <c r="K145" s="206"/>
      <c r="L145" s="206"/>
      <c r="M145" s="206"/>
      <c r="N145" s="206"/>
    </row>
    <row r="146" spans="2:14" x14ac:dyDescent="0.3">
      <c r="B146" s="206"/>
      <c r="C146" s="206"/>
      <c r="D146" s="235"/>
      <c r="E146" s="206"/>
      <c r="F146" s="206"/>
      <c r="G146" s="206"/>
      <c r="H146" s="206"/>
      <c r="I146" s="206"/>
      <c r="J146" s="206"/>
      <c r="K146" s="206"/>
      <c r="L146" s="206"/>
      <c r="M146" s="206"/>
      <c r="N146" s="206"/>
    </row>
  </sheetData>
  <mergeCells count="8">
    <mergeCell ref="D108:L108"/>
    <mergeCell ref="D109:L109"/>
    <mergeCell ref="D5:F5"/>
    <mergeCell ref="D6:F6"/>
    <mergeCell ref="I6:J7"/>
    <mergeCell ref="D7:F7"/>
    <mergeCell ref="J9:K9"/>
    <mergeCell ref="D107:L107"/>
  </mergeCells>
  <pageMargins left="0.7" right="0.7" top="0.75" bottom="0.75" header="0.3" footer="0.3"/>
  <pageSetup paperSize="9" orientation="portrait"/>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008B"/>
  </sheetPr>
  <dimension ref="A1:N112"/>
  <sheetViews>
    <sheetView zoomScale="80" zoomScaleNormal="80" workbookViewId="0">
      <selection activeCell="A3" sqref="A3"/>
    </sheetView>
  </sheetViews>
  <sheetFormatPr defaultColWidth="8.88671875" defaultRowHeight="14.4" outlineLevelRow="1" x14ac:dyDescent="0.3"/>
  <cols>
    <col min="1" max="1" width="13.33203125" style="156" customWidth="1"/>
    <col min="2" max="2" width="60.5546875" style="156" bestFit="1" customWidth="1"/>
    <col min="3" max="7" width="41" style="156" customWidth="1"/>
    <col min="8" max="8" width="7.33203125" style="156" customWidth="1"/>
    <col min="9" max="9" width="92" style="156" customWidth="1"/>
    <col min="10" max="11" width="47.6640625" style="156" customWidth="1"/>
    <col min="12" max="12" width="7.33203125" style="156" customWidth="1"/>
    <col min="13" max="13" width="25.6640625" style="156" customWidth="1"/>
    <col min="14" max="14" width="25.6640625" style="128" customWidth="1"/>
    <col min="15" max="15" width="8.88671875" style="140" customWidth="1"/>
    <col min="16" max="16384" width="8.88671875" style="140"/>
  </cols>
  <sheetData>
    <row r="1" spans="1:13" ht="45" customHeight="1" x14ac:dyDescent="0.3">
      <c r="A1" s="304" t="s">
        <v>2068</v>
      </c>
      <c r="B1" s="305"/>
    </row>
    <row r="2" spans="1:13" ht="31.5" customHeight="1" x14ac:dyDescent="0.3">
      <c r="A2" s="93" t="s">
        <v>2069</v>
      </c>
      <c r="B2" s="93"/>
      <c r="C2" s="128"/>
      <c r="D2" s="128"/>
      <c r="E2" s="128"/>
      <c r="F2" s="158" t="s">
        <v>272</v>
      </c>
      <c r="G2" s="94"/>
      <c r="H2" s="128"/>
      <c r="I2" s="93"/>
      <c r="J2" s="128"/>
      <c r="K2" s="128"/>
      <c r="L2" s="128"/>
      <c r="M2" s="128"/>
    </row>
    <row r="3" spans="1:13" ht="15.75" customHeight="1" thickBot="1" x14ac:dyDescent="0.35">
      <c r="A3" s="128"/>
      <c r="B3" s="95"/>
      <c r="C3" s="95"/>
      <c r="D3" s="128"/>
      <c r="E3" s="128"/>
      <c r="F3" s="128"/>
      <c r="G3" s="128"/>
      <c r="H3" s="128"/>
      <c r="L3" s="128"/>
      <c r="M3" s="128"/>
    </row>
    <row r="4" spans="1:13" ht="19.5" customHeight="1" thickBot="1" x14ac:dyDescent="0.35">
      <c r="A4" s="96"/>
      <c r="B4" s="97" t="s">
        <v>273</v>
      </c>
      <c r="C4" s="98" t="s">
        <v>2070</v>
      </c>
      <c r="D4" s="96"/>
      <c r="E4" s="96"/>
      <c r="F4" s="128"/>
      <c r="G4" s="128"/>
      <c r="H4" s="128"/>
      <c r="I4" s="163" t="s">
        <v>2071</v>
      </c>
      <c r="J4" s="58" t="s">
        <v>2050</v>
      </c>
      <c r="L4" s="128"/>
      <c r="M4" s="128"/>
    </row>
    <row r="5" spans="1:13" ht="15.75" customHeight="1" thickBot="1" x14ac:dyDescent="0.35">
      <c r="H5" s="128"/>
      <c r="I5" s="74" t="s">
        <v>2052</v>
      </c>
      <c r="J5" s="156" t="s">
        <v>360</v>
      </c>
      <c r="L5" s="128"/>
      <c r="M5" s="128"/>
    </row>
    <row r="6" spans="1:13" ht="18.75" customHeight="1" x14ac:dyDescent="0.3">
      <c r="A6" s="101"/>
      <c r="B6" s="76" t="s">
        <v>2072</v>
      </c>
      <c r="C6" s="101"/>
      <c r="E6" s="145"/>
      <c r="F6" s="145"/>
      <c r="G6" s="145"/>
      <c r="H6" s="128"/>
      <c r="I6" s="74" t="s">
        <v>2054</v>
      </c>
      <c r="J6" s="156" t="s">
        <v>343</v>
      </c>
      <c r="L6" s="128"/>
      <c r="M6" s="128"/>
    </row>
    <row r="7" spans="1:13" x14ac:dyDescent="0.3">
      <c r="B7" s="167" t="s">
        <v>2073</v>
      </c>
      <c r="H7" s="128"/>
      <c r="I7" s="74" t="s">
        <v>2056</v>
      </c>
      <c r="J7" s="156" t="s">
        <v>1165</v>
      </c>
      <c r="L7" s="128"/>
      <c r="M7" s="128"/>
    </row>
    <row r="8" spans="1:13" x14ac:dyDescent="0.3">
      <c r="B8" s="167" t="s">
        <v>2074</v>
      </c>
      <c r="H8" s="128"/>
      <c r="I8" s="74" t="s">
        <v>2075</v>
      </c>
      <c r="J8" s="156" t="s">
        <v>2076</v>
      </c>
      <c r="L8" s="128"/>
      <c r="M8" s="128"/>
    </row>
    <row r="9" spans="1:13" ht="15.75" customHeight="1" thickBot="1" x14ac:dyDescent="0.35">
      <c r="B9" s="167" t="s">
        <v>2077</v>
      </c>
      <c r="H9" s="128"/>
      <c r="L9" s="128"/>
      <c r="M9" s="128"/>
    </row>
    <row r="10" spans="1:13" x14ac:dyDescent="0.3">
      <c r="B10" s="162"/>
      <c r="H10" s="128"/>
      <c r="I10" s="75" t="s">
        <v>2078</v>
      </c>
      <c r="L10" s="128"/>
      <c r="M10" s="128"/>
    </row>
    <row r="11" spans="1:13" x14ac:dyDescent="0.3">
      <c r="B11" s="162"/>
      <c r="H11" s="128"/>
      <c r="I11" s="75" t="s">
        <v>2079</v>
      </c>
      <c r="L11" s="128"/>
      <c r="M11" s="128"/>
    </row>
    <row r="12" spans="1:13" ht="37.5" customHeight="1" x14ac:dyDescent="0.3">
      <c r="A12" s="163" t="s">
        <v>283</v>
      </c>
      <c r="B12" s="163" t="s">
        <v>2073</v>
      </c>
      <c r="C12" s="77"/>
      <c r="D12" s="77"/>
      <c r="E12" s="77"/>
      <c r="F12" s="77"/>
      <c r="G12" s="77"/>
      <c r="H12" s="128"/>
      <c r="L12" s="128"/>
      <c r="M12" s="128"/>
    </row>
    <row r="13" spans="1:13" ht="15" customHeight="1" x14ac:dyDescent="0.3">
      <c r="A13" s="103"/>
      <c r="B13" s="79" t="s">
        <v>2080</v>
      </c>
      <c r="C13" s="103" t="s">
        <v>2081</v>
      </c>
      <c r="D13" s="103" t="s">
        <v>2082</v>
      </c>
      <c r="E13" s="81"/>
      <c r="F13" s="80"/>
      <c r="G13" s="80"/>
      <c r="H13" s="128"/>
      <c r="L13" s="128"/>
      <c r="M13" s="128"/>
    </row>
    <row r="14" spans="1:13" x14ac:dyDescent="0.3">
      <c r="A14" s="156" t="s">
        <v>2083</v>
      </c>
      <c r="B14" s="151" t="s">
        <v>2084</v>
      </c>
      <c r="C14" s="72" t="s">
        <v>2085</v>
      </c>
      <c r="D14" s="72" t="s">
        <v>2085</v>
      </c>
      <c r="E14" s="145"/>
      <c r="F14" s="145"/>
      <c r="G14" s="145"/>
      <c r="H14" s="128"/>
      <c r="L14" s="128"/>
      <c r="M14" s="128"/>
    </row>
    <row r="15" spans="1:13" x14ac:dyDescent="0.3">
      <c r="A15" s="156" t="s">
        <v>2086</v>
      </c>
      <c r="B15" s="151" t="s">
        <v>773</v>
      </c>
      <c r="C15" s="156" t="s">
        <v>1057</v>
      </c>
      <c r="D15" s="156" t="s">
        <v>1057</v>
      </c>
      <c r="E15" s="145"/>
      <c r="F15" s="145"/>
      <c r="G15" s="145"/>
      <c r="H15" s="128"/>
      <c r="L15" s="128"/>
      <c r="M15" s="128"/>
    </row>
    <row r="16" spans="1:13" x14ac:dyDescent="0.3">
      <c r="A16" s="156" t="s">
        <v>2087</v>
      </c>
      <c r="B16" s="151" t="s">
        <v>2088</v>
      </c>
      <c r="C16" s="156" t="s">
        <v>1057</v>
      </c>
      <c r="D16" s="156" t="s">
        <v>1057</v>
      </c>
      <c r="E16" s="145"/>
      <c r="F16" s="145"/>
      <c r="G16" s="145"/>
      <c r="H16" s="128"/>
      <c r="L16" s="128"/>
      <c r="M16" s="128"/>
    </row>
    <row r="17" spans="1:13" x14ac:dyDescent="0.3">
      <c r="A17" s="156" t="s">
        <v>2089</v>
      </c>
      <c r="B17" s="151" t="s">
        <v>2090</v>
      </c>
      <c r="C17" s="156" t="s">
        <v>1057</v>
      </c>
      <c r="D17" s="156" t="s">
        <v>1057</v>
      </c>
      <c r="E17" s="145"/>
      <c r="F17" s="145"/>
      <c r="G17" s="145"/>
      <c r="H17" s="128"/>
      <c r="L17" s="128"/>
      <c r="M17" s="128"/>
    </row>
    <row r="18" spans="1:13" x14ac:dyDescent="0.3">
      <c r="A18" s="156" t="s">
        <v>2091</v>
      </c>
      <c r="B18" s="151" t="s">
        <v>2092</v>
      </c>
      <c r="C18" s="156" t="s">
        <v>1057</v>
      </c>
      <c r="D18" s="156" t="s">
        <v>1057</v>
      </c>
      <c r="E18" s="145"/>
      <c r="F18" s="145"/>
      <c r="G18" s="145"/>
      <c r="H18" s="128"/>
      <c r="L18" s="128"/>
      <c r="M18" s="128"/>
    </row>
    <row r="19" spans="1:13" x14ac:dyDescent="0.3">
      <c r="A19" s="156" t="s">
        <v>2093</v>
      </c>
      <c r="B19" s="151" t="s">
        <v>2094</v>
      </c>
      <c r="C19" s="156" t="s">
        <v>1057</v>
      </c>
      <c r="D19" s="156" t="s">
        <v>1057</v>
      </c>
      <c r="E19" s="145"/>
      <c r="F19" s="145"/>
      <c r="G19" s="145"/>
      <c r="H19" s="128"/>
      <c r="L19" s="128"/>
      <c r="M19" s="128"/>
    </row>
    <row r="20" spans="1:13" x14ac:dyDescent="0.3">
      <c r="A20" s="156" t="s">
        <v>2095</v>
      </c>
      <c r="B20" s="151" t="s">
        <v>2096</v>
      </c>
      <c r="C20" s="156" t="s">
        <v>1057</v>
      </c>
      <c r="D20" s="156" t="s">
        <v>1057</v>
      </c>
      <c r="E20" s="145"/>
      <c r="F20" s="145"/>
      <c r="G20" s="145"/>
      <c r="H20" s="128"/>
      <c r="L20" s="128"/>
      <c r="M20" s="128"/>
    </row>
    <row r="21" spans="1:13" x14ac:dyDescent="0.3">
      <c r="A21" s="156" t="s">
        <v>2097</v>
      </c>
      <c r="B21" s="151" t="s">
        <v>2098</v>
      </c>
      <c r="C21" s="156" t="s">
        <v>1057</v>
      </c>
      <c r="D21" s="156" t="s">
        <v>1057</v>
      </c>
      <c r="E21" s="145"/>
      <c r="F21" s="145"/>
      <c r="G21" s="145"/>
      <c r="H21" s="128"/>
      <c r="L21" s="128"/>
      <c r="M21" s="128"/>
    </row>
    <row r="22" spans="1:13" x14ac:dyDescent="0.3">
      <c r="A22" s="156" t="s">
        <v>2099</v>
      </c>
      <c r="B22" s="151" t="s">
        <v>2100</v>
      </c>
      <c r="C22" s="156" t="s">
        <v>1057</v>
      </c>
      <c r="D22" s="156" t="s">
        <v>1057</v>
      </c>
      <c r="E22" s="145"/>
      <c r="F22" s="145"/>
      <c r="G22" s="145"/>
      <c r="H22" s="128"/>
      <c r="L22" s="128"/>
      <c r="M22" s="128"/>
    </row>
    <row r="23" spans="1:13" x14ac:dyDescent="0.3">
      <c r="A23" s="156" t="s">
        <v>2101</v>
      </c>
      <c r="B23" s="151" t="s">
        <v>2102</v>
      </c>
      <c r="C23" s="156" t="s">
        <v>1057</v>
      </c>
      <c r="D23" s="156" t="s">
        <v>1057</v>
      </c>
      <c r="E23" s="145"/>
      <c r="F23" s="145"/>
      <c r="G23" s="145"/>
      <c r="H23" s="128"/>
      <c r="L23" s="128"/>
      <c r="M23" s="128"/>
    </row>
    <row r="24" spans="1:13" x14ac:dyDescent="0.3">
      <c r="A24" s="156" t="s">
        <v>2103</v>
      </c>
      <c r="B24" s="151" t="s">
        <v>2104</v>
      </c>
      <c r="C24" s="156" t="s">
        <v>1057</v>
      </c>
      <c r="D24" s="156" t="s">
        <v>1057</v>
      </c>
      <c r="E24" s="145"/>
      <c r="F24" s="145"/>
      <c r="G24" s="145"/>
      <c r="H24" s="128"/>
      <c r="L24" s="128"/>
      <c r="M24" s="128"/>
    </row>
    <row r="25" spans="1:13" outlineLevel="1" x14ac:dyDescent="0.3">
      <c r="A25" s="156" t="s">
        <v>2105</v>
      </c>
      <c r="B25" s="104" t="s">
        <v>2106</v>
      </c>
      <c r="C25" s="156" t="s">
        <v>1057</v>
      </c>
      <c r="D25" s="156" t="s">
        <v>1057</v>
      </c>
      <c r="E25" s="145"/>
      <c r="F25" s="145"/>
      <c r="G25" s="145"/>
      <c r="H25" s="128"/>
      <c r="L25" s="128"/>
      <c r="M25" s="128"/>
    </row>
    <row r="26" spans="1:13" outlineLevel="1" x14ac:dyDescent="0.3">
      <c r="A26" s="156" t="s">
        <v>2107</v>
      </c>
      <c r="B26" s="124"/>
      <c r="C26" s="164"/>
      <c r="D26" s="164"/>
      <c r="E26" s="145"/>
      <c r="F26" s="145"/>
      <c r="G26" s="145"/>
      <c r="H26" s="128"/>
      <c r="L26" s="128"/>
      <c r="M26" s="128"/>
    </row>
    <row r="27" spans="1:13" outlineLevel="1" x14ac:dyDescent="0.3">
      <c r="A27" s="156" t="s">
        <v>2108</v>
      </c>
      <c r="B27" s="124"/>
      <c r="C27" s="164"/>
      <c r="D27" s="164"/>
      <c r="E27" s="145"/>
      <c r="F27" s="145"/>
      <c r="G27" s="145"/>
      <c r="H27" s="128"/>
      <c r="L27" s="128"/>
      <c r="M27" s="128"/>
    </row>
    <row r="28" spans="1:13" outlineLevel="1" x14ac:dyDescent="0.3">
      <c r="A28" s="156" t="s">
        <v>2109</v>
      </c>
      <c r="B28" s="124"/>
      <c r="C28" s="164"/>
      <c r="D28" s="164"/>
      <c r="E28" s="145"/>
      <c r="F28" s="145"/>
      <c r="G28" s="145"/>
      <c r="H28" s="128"/>
      <c r="L28" s="128"/>
      <c r="M28" s="128"/>
    </row>
    <row r="29" spans="1:13" outlineLevel="1" x14ac:dyDescent="0.3">
      <c r="A29" s="156" t="s">
        <v>2110</v>
      </c>
      <c r="B29" s="124"/>
      <c r="C29" s="164"/>
      <c r="D29" s="164"/>
      <c r="E29" s="145"/>
      <c r="F29" s="145"/>
      <c r="G29" s="145"/>
      <c r="H29" s="128"/>
      <c r="L29" s="128"/>
      <c r="M29" s="128"/>
    </row>
    <row r="30" spans="1:13" outlineLevel="1" x14ac:dyDescent="0.3">
      <c r="A30" s="156" t="s">
        <v>2111</v>
      </c>
      <c r="B30" s="124"/>
      <c r="C30" s="164"/>
      <c r="D30" s="164"/>
      <c r="E30" s="145"/>
      <c r="F30" s="145"/>
      <c r="G30" s="145"/>
      <c r="H30" s="128"/>
      <c r="L30" s="128"/>
      <c r="M30" s="128"/>
    </row>
    <row r="31" spans="1:13" outlineLevel="1" x14ac:dyDescent="0.3">
      <c r="A31" s="156" t="s">
        <v>2112</v>
      </c>
      <c r="B31" s="124"/>
      <c r="C31" s="164"/>
      <c r="D31" s="164"/>
      <c r="E31" s="145"/>
      <c r="F31" s="145"/>
      <c r="G31" s="145"/>
      <c r="H31" s="128"/>
      <c r="L31" s="128"/>
      <c r="M31" s="128"/>
    </row>
    <row r="32" spans="1:13" outlineLevel="1" x14ac:dyDescent="0.3">
      <c r="A32" s="156" t="s">
        <v>2113</v>
      </c>
      <c r="B32" s="124"/>
      <c r="C32" s="164"/>
      <c r="D32" s="164"/>
      <c r="E32" s="145"/>
      <c r="F32" s="145"/>
      <c r="G32" s="145"/>
      <c r="H32" s="128"/>
      <c r="L32" s="128"/>
      <c r="M32" s="128"/>
    </row>
    <row r="33" spans="1:13" ht="18.75" customHeight="1" x14ac:dyDescent="0.3">
      <c r="A33" s="77"/>
      <c r="B33" s="163" t="s">
        <v>2074</v>
      </c>
      <c r="C33" s="77"/>
      <c r="D33" s="77"/>
      <c r="E33" s="77"/>
      <c r="F33" s="77"/>
      <c r="G33" s="77"/>
      <c r="H33" s="128"/>
      <c r="L33" s="128"/>
      <c r="M33" s="128"/>
    </row>
    <row r="34" spans="1:13" ht="15" customHeight="1" x14ac:dyDescent="0.3">
      <c r="A34" s="103"/>
      <c r="B34" s="79" t="s">
        <v>2114</v>
      </c>
      <c r="C34" s="103" t="s">
        <v>2115</v>
      </c>
      <c r="D34" s="103" t="s">
        <v>2082</v>
      </c>
      <c r="E34" s="103" t="s">
        <v>2116</v>
      </c>
      <c r="F34" s="80"/>
      <c r="G34" s="80"/>
      <c r="H34" s="128"/>
      <c r="L34" s="128"/>
      <c r="M34" s="128"/>
    </row>
    <row r="35" spans="1:13" x14ac:dyDescent="0.3">
      <c r="A35" s="156" t="s">
        <v>2117</v>
      </c>
      <c r="B35" s="72" t="s">
        <v>2085</v>
      </c>
      <c r="C35" s="72" t="s">
        <v>2118</v>
      </c>
      <c r="D35" s="72" t="s">
        <v>2119</v>
      </c>
      <c r="E35" s="72" t="s">
        <v>2120</v>
      </c>
      <c r="F35" s="73"/>
      <c r="G35" s="73"/>
      <c r="H35" s="128"/>
      <c r="L35" s="128"/>
      <c r="M35" s="128"/>
    </row>
    <row r="36" spans="1:13" x14ac:dyDescent="0.3">
      <c r="A36" s="156" t="s">
        <v>2121</v>
      </c>
      <c r="B36" s="151" t="s">
        <v>2122</v>
      </c>
      <c r="C36" s="156" t="s">
        <v>1057</v>
      </c>
      <c r="D36" s="156" t="s">
        <v>1057</v>
      </c>
      <c r="E36" s="156" t="s">
        <v>1057</v>
      </c>
      <c r="H36" s="128"/>
      <c r="L36" s="128"/>
      <c r="M36" s="128"/>
    </row>
    <row r="37" spans="1:13" x14ac:dyDescent="0.3">
      <c r="A37" s="156" t="s">
        <v>2123</v>
      </c>
      <c r="B37" s="151" t="s">
        <v>2124</v>
      </c>
      <c r="C37" s="156" t="s">
        <v>1057</v>
      </c>
      <c r="D37" s="156" t="s">
        <v>1057</v>
      </c>
      <c r="E37" s="156" t="s">
        <v>1057</v>
      </c>
      <c r="H37" s="128"/>
      <c r="L37" s="128"/>
      <c r="M37" s="128"/>
    </row>
    <row r="38" spans="1:13" x14ac:dyDescent="0.3">
      <c r="A38" s="156" t="s">
        <v>2125</v>
      </c>
      <c r="B38" s="151" t="s">
        <v>2126</v>
      </c>
      <c r="C38" s="156" t="s">
        <v>1057</v>
      </c>
      <c r="D38" s="156" t="s">
        <v>1057</v>
      </c>
      <c r="E38" s="156" t="s">
        <v>1057</v>
      </c>
      <c r="H38" s="128"/>
      <c r="L38" s="128"/>
      <c r="M38" s="128"/>
    </row>
    <row r="39" spans="1:13" x14ac:dyDescent="0.3">
      <c r="A39" s="156" t="s">
        <v>2127</v>
      </c>
      <c r="B39" s="151" t="s">
        <v>2128</v>
      </c>
      <c r="C39" s="156" t="s">
        <v>1057</v>
      </c>
      <c r="D39" s="156" t="s">
        <v>1057</v>
      </c>
      <c r="E39" s="156" t="s">
        <v>1057</v>
      </c>
      <c r="H39" s="128"/>
      <c r="L39" s="128"/>
      <c r="M39" s="128"/>
    </row>
    <row r="40" spans="1:13" x14ac:dyDescent="0.3">
      <c r="A40" s="156" t="s">
        <v>2129</v>
      </c>
      <c r="B40" s="151" t="s">
        <v>2130</v>
      </c>
      <c r="C40" s="156" t="s">
        <v>1057</v>
      </c>
      <c r="D40" s="156" t="s">
        <v>1057</v>
      </c>
      <c r="E40" s="156" t="s">
        <v>1057</v>
      </c>
      <c r="H40" s="128"/>
      <c r="L40" s="128"/>
      <c r="M40" s="128"/>
    </row>
    <row r="41" spans="1:13" x14ac:dyDescent="0.3">
      <c r="A41" s="156" t="s">
        <v>2131</v>
      </c>
      <c r="B41" s="151" t="s">
        <v>2132</v>
      </c>
      <c r="C41" s="156" t="s">
        <v>1057</v>
      </c>
      <c r="D41" s="156" t="s">
        <v>1057</v>
      </c>
      <c r="E41" s="156" t="s">
        <v>1057</v>
      </c>
      <c r="H41" s="128"/>
      <c r="L41" s="128"/>
      <c r="M41" s="128"/>
    </row>
    <row r="42" spans="1:13" x14ac:dyDescent="0.3">
      <c r="A42" s="156" t="s">
        <v>2133</v>
      </c>
      <c r="B42" s="151" t="s">
        <v>2134</v>
      </c>
      <c r="C42" s="156" t="s">
        <v>1057</v>
      </c>
      <c r="D42" s="156" t="s">
        <v>1057</v>
      </c>
      <c r="E42" s="156" t="s">
        <v>1057</v>
      </c>
      <c r="H42" s="128"/>
      <c r="L42" s="128"/>
      <c r="M42" s="128"/>
    </row>
    <row r="43" spans="1:13" x14ac:dyDescent="0.3">
      <c r="A43" s="156" t="s">
        <v>2135</v>
      </c>
      <c r="B43" s="151" t="s">
        <v>2136</v>
      </c>
      <c r="C43" s="156" t="s">
        <v>1057</v>
      </c>
      <c r="D43" s="156" t="s">
        <v>1057</v>
      </c>
      <c r="E43" s="156" t="s">
        <v>1057</v>
      </c>
      <c r="H43" s="128"/>
      <c r="L43" s="128"/>
      <c r="M43" s="128"/>
    </row>
    <row r="44" spans="1:13" x14ac:dyDescent="0.3">
      <c r="A44" s="156" t="s">
        <v>2137</v>
      </c>
      <c r="B44" s="151" t="s">
        <v>2138</v>
      </c>
      <c r="C44" s="156" t="s">
        <v>1057</v>
      </c>
      <c r="D44" s="156" t="s">
        <v>1057</v>
      </c>
      <c r="E44" s="156" t="s">
        <v>1057</v>
      </c>
      <c r="H44" s="128"/>
      <c r="L44" s="128"/>
      <c r="M44" s="128"/>
    </row>
    <row r="45" spans="1:13" x14ac:dyDescent="0.3">
      <c r="A45" s="156" t="s">
        <v>2139</v>
      </c>
      <c r="B45" s="151" t="s">
        <v>2140</v>
      </c>
      <c r="C45" s="156" t="s">
        <v>1057</v>
      </c>
      <c r="D45" s="156" t="s">
        <v>1057</v>
      </c>
      <c r="E45" s="156" t="s">
        <v>1057</v>
      </c>
      <c r="H45" s="128"/>
      <c r="L45" s="128"/>
      <c r="M45" s="128"/>
    </row>
    <row r="46" spans="1:13" x14ac:dyDescent="0.3">
      <c r="A46" s="156" t="s">
        <v>2141</v>
      </c>
      <c r="B46" s="151" t="s">
        <v>2142</v>
      </c>
      <c r="C46" s="156" t="s">
        <v>1057</v>
      </c>
      <c r="D46" s="156" t="s">
        <v>1057</v>
      </c>
      <c r="E46" s="156" t="s">
        <v>1057</v>
      </c>
      <c r="H46" s="128"/>
      <c r="L46" s="128"/>
      <c r="M46" s="128"/>
    </row>
    <row r="47" spans="1:13" x14ac:dyDescent="0.3">
      <c r="A47" s="156" t="s">
        <v>2143</v>
      </c>
      <c r="B47" s="151" t="s">
        <v>2144</v>
      </c>
      <c r="C47" s="156" t="s">
        <v>1057</v>
      </c>
      <c r="D47" s="156" t="s">
        <v>1057</v>
      </c>
      <c r="E47" s="156" t="s">
        <v>1057</v>
      </c>
      <c r="H47" s="128"/>
      <c r="L47" s="128"/>
      <c r="M47" s="128"/>
    </row>
    <row r="48" spans="1:13" x14ac:dyDescent="0.3">
      <c r="A48" s="156" t="s">
        <v>2145</v>
      </c>
      <c r="B48" s="151" t="s">
        <v>2146</v>
      </c>
      <c r="C48" s="156" t="s">
        <v>1057</v>
      </c>
      <c r="D48" s="156" t="s">
        <v>1057</v>
      </c>
      <c r="E48" s="156" t="s">
        <v>1057</v>
      </c>
      <c r="H48" s="128"/>
      <c r="L48" s="128"/>
      <c r="M48" s="128"/>
    </row>
    <row r="49" spans="1:13" x14ac:dyDescent="0.3">
      <c r="A49" s="156" t="s">
        <v>2147</v>
      </c>
      <c r="B49" s="151" t="s">
        <v>2148</v>
      </c>
      <c r="C49" s="156" t="s">
        <v>1057</v>
      </c>
      <c r="D49" s="156" t="s">
        <v>1057</v>
      </c>
      <c r="E49" s="156" t="s">
        <v>1057</v>
      </c>
      <c r="H49" s="128"/>
      <c r="L49" s="128"/>
      <c r="M49" s="128"/>
    </row>
    <row r="50" spans="1:13" x14ac:dyDescent="0.3">
      <c r="A50" s="156" t="s">
        <v>2149</v>
      </c>
      <c r="B50" s="151" t="s">
        <v>2150</v>
      </c>
      <c r="C50" s="156" t="s">
        <v>1057</v>
      </c>
      <c r="D50" s="156" t="s">
        <v>1057</v>
      </c>
      <c r="E50" s="156" t="s">
        <v>1057</v>
      </c>
      <c r="H50" s="128"/>
      <c r="L50" s="128"/>
      <c r="M50" s="128"/>
    </row>
    <row r="51" spans="1:13" x14ac:dyDescent="0.3">
      <c r="A51" s="156" t="s">
        <v>2151</v>
      </c>
      <c r="B51" s="151" t="s">
        <v>2152</v>
      </c>
      <c r="C51" s="156" t="s">
        <v>1057</v>
      </c>
      <c r="D51" s="156" t="s">
        <v>1057</v>
      </c>
      <c r="E51" s="156" t="s">
        <v>1057</v>
      </c>
      <c r="H51" s="128"/>
      <c r="L51" s="128"/>
      <c r="M51" s="128"/>
    </row>
    <row r="52" spans="1:13" x14ac:dyDescent="0.3">
      <c r="A52" s="156" t="s">
        <v>2153</v>
      </c>
      <c r="B52" s="151" t="s">
        <v>2154</v>
      </c>
      <c r="C52" s="156" t="s">
        <v>1057</v>
      </c>
      <c r="D52" s="156" t="s">
        <v>1057</v>
      </c>
      <c r="E52" s="156" t="s">
        <v>1057</v>
      </c>
      <c r="H52" s="128"/>
      <c r="L52" s="128"/>
      <c r="M52" s="128"/>
    </row>
    <row r="53" spans="1:13" x14ac:dyDescent="0.3">
      <c r="A53" s="156" t="s">
        <v>2155</v>
      </c>
      <c r="B53" s="151" t="s">
        <v>2156</v>
      </c>
      <c r="C53" s="156" t="s">
        <v>1057</v>
      </c>
      <c r="D53" s="156" t="s">
        <v>1057</v>
      </c>
      <c r="E53" s="156" t="s">
        <v>1057</v>
      </c>
      <c r="H53" s="128"/>
      <c r="L53" s="128"/>
      <c r="M53" s="128"/>
    </row>
    <row r="54" spans="1:13" x14ac:dyDescent="0.3">
      <c r="A54" s="156" t="s">
        <v>2157</v>
      </c>
      <c r="B54" s="151" t="s">
        <v>2158</v>
      </c>
      <c r="C54" s="156" t="s">
        <v>1057</v>
      </c>
      <c r="D54" s="156" t="s">
        <v>1057</v>
      </c>
      <c r="E54" s="156" t="s">
        <v>1057</v>
      </c>
      <c r="H54" s="128"/>
      <c r="L54" s="128"/>
      <c r="M54" s="128"/>
    </row>
    <row r="55" spans="1:13" x14ac:dyDescent="0.3">
      <c r="A55" s="156" t="s">
        <v>2159</v>
      </c>
      <c r="B55" s="151" t="s">
        <v>2160</v>
      </c>
      <c r="C55" s="156" t="s">
        <v>1057</v>
      </c>
      <c r="D55" s="156" t="s">
        <v>1057</v>
      </c>
      <c r="E55" s="156" t="s">
        <v>1057</v>
      </c>
      <c r="H55" s="128"/>
      <c r="L55" s="128"/>
      <c r="M55" s="128"/>
    </row>
    <row r="56" spans="1:13" x14ac:dyDescent="0.3">
      <c r="A56" s="156" t="s">
        <v>2161</v>
      </c>
      <c r="B56" s="151" t="s">
        <v>2162</v>
      </c>
      <c r="C56" s="156" t="s">
        <v>1057</v>
      </c>
      <c r="D56" s="156" t="s">
        <v>1057</v>
      </c>
      <c r="E56" s="156" t="s">
        <v>1057</v>
      </c>
      <c r="H56" s="128"/>
      <c r="L56" s="128"/>
      <c r="M56" s="128"/>
    </row>
    <row r="57" spans="1:13" x14ac:dyDescent="0.3">
      <c r="A57" s="156" t="s">
        <v>2163</v>
      </c>
      <c r="B57" s="151" t="s">
        <v>2164</v>
      </c>
      <c r="C57" s="156" t="s">
        <v>1057</v>
      </c>
      <c r="D57" s="156" t="s">
        <v>1057</v>
      </c>
      <c r="E57" s="156" t="s">
        <v>1057</v>
      </c>
      <c r="H57" s="128"/>
      <c r="L57" s="128"/>
      <c r="M57" s="128"/>
    </row>
    <row r="58" spans="1:13" x14ac:dyDescent="0.3">
      <c r="A58" s="156" t="s">
        <v>2165</v>
      </c>
      <c r="B58" s="151" t="s">
        <v>2166</v>
      </c>
      <c r="C58" s="156" t="s">
        <v>1057</v>
      </c>
      <c r="D58" s="156" t="s">
        <v>1057</v>
      </c>
      <c r="E58" s="156" t="s">
        <v>1057</v>
      </c>
      <c r="H58" s="128"/>
      <c r="L58" s="128"/>
      <c r="M58" s="128"/>
    </row>
    <row r="59" spans="1:13" x14ac:dyDescent="0.3">
      <c r="A59" s="156" t="s">
        <v>2167</v>
      </c>
      <c r="B59" s="151" t="s">
        <v>2168</v>
      </c>
      <c r="C59" s="156" t="s">
        <v>1057</v>
      </c>
      <c r="D59" s="156" t="s">
        <v>1057</v>
      </c>
      <c r="E59" s="156" t="s">
        <v>1057</v>
      </c>
      <c r="H59" s="128"/>
      <c r="L59" s="128"/>
      <c r="M59" s="128"/>
    </row>
    <row r="60" spans="1:13" outlineLevel="1" x14ac:dyDescent="0.3">
      <c r="A60" s="156" t="s">
        <v>2169</v>
      </c>
      <c r="B60" s="151"/>
      <c r="E60" s="151"/>
      <c r="F60" s="151"/>
      <c r="G60" s="151"/>
      <c r="H60" s="128"/>
      <c r="L60" s="128"/>
      <c r="M60" s="128"/>
    </row>
    <row r="61" spans="1:13" outlineLevel="1" x14ac:dyDescent="0.3">
      <c r="A61" s="156" t="s">
        <v>2170</v>
      </c>
      <c r="B61" s="151"/>
      <c r="E61" s="151"/>
      <c r="F61" s="151"/>
      <c r="G61" s="151"/>
      <c r="H61" s="128"/>
      <c r="L61" s="128"/>
      <c r="M61" s="128"/>
    </row>
    <row r="62" spans="1:13" outlineLevel="1" x14ac:dyDescent="0.3">
      <c r="A62" s="156" t="s">
        <v>2171</v>
      </c>
      <c r="B62" s="151"/>
      <c r="E62" s="151"/>
      <c r="F62" s="151"/>
      <c r="G62" s="151"/>
      <c r="H62" s="128"/>
      <c r="L62" s="128"/>
      <c r="M62" s="128"/>
    </row>
    <row r="63" spans="1:13" outlineLevel="1" x14ac:dyDescent="0.3">
      <c r="A63" s="156" t="s">
        <v>2172</v>
      </c>
      <c r="B63" s="151"/>
      <c r="E63" s="151"/>
      <c r="F63" s="151"/>
      <c r="G63" s="151"/>
      <c r="H63" s="128"/>
      <c r="L63" s="128"/>
      <c r="M63" s="128"/>
    </row>
    <row r="64" spans="1:13" outlineLevel="1" x14ac:dyDescent="0.3">
      <c r="A64" s="156" t="s">
        <v>2173</v>
      </c>
      <c r="B64" s="151"/>
      <c r="E64" s="151"/>
      <c r="F64" s="151"/>
      <c r="G64" s="151"/>
      <c r="H64" s="128"/>
      <c r="L64" s="128"/>
      <c r="M64" s="128"/>
    </row>
    <row r="65" spans="1:14" outlineLevel="1" x14ac:dyDescent="0.3">
      <c r="A65" s="156" t="s">
        <v>2174</v>
      </c>
      <c r="B65" s="151"/>
      <c r="E65" s="151"/>
      <c r="F65" s="151"/>
      <c r="G65" s="151"/>
      <c r="H65" s="128"/>
      <c r="L65" s="128"/>
      <c r="M65" s="128"/>
    </row>
    <row r="66" spans="1:14" outlineLevel="1" x14ac:dyDescent="0.3">
      <c r="A66" s="156" t="s">
        <v>2175</v>
      </c>
      <c r="B66" s="151"/>
      <c r="E66" s="151"/>
      <c r="F66" s="151"/>
      <c r="G66" s="151"/>
      <c r="H66" s="128"/>
      <c r="L66" s="128"/>
      <c r="M66" s="128"/>
    </row>
    <row r="67" spans="1:14" outlineLevel="1" x14ac:dyDescent="0.3">
      <c r="A67" s="156" t="s">
        <v>2176</v>
      </c>
      <c r="B67" s="151"/>
      <c r="E67" s="151"/>
      <c r="F67" s="151"/>
      <c r="G67" s="151"/>
      <c r="H67" s="128"/>
      <c r="L67" s="128"/>
      <c r="M67" s="128"/>
    </row>
    <row r="68" spans="1:14" outlineLevel="1" x14ac:dyDescent="0.3">
      <c r="A68" s="156" t="s">
        <v>2177</v>
      </c>
      <c r="B68" s="151"/>
      <c r="E68" s="151"/>
      <c r="F68" s="151"/>
      <c r="G68" s="151"/>
      <c r="H68" s="128"/>
      <c r="L68" s="128"/>
      <c r="M68" s="128"/>
    </row>
    <row r="69" spans="1:14" outlineLevel="1" x14ac:dyDescent="0.3">
      <c r="A69" s="156" t="s">
        <v>2178</v>
      </c>
      <c r="B69" s="151"/>
      <c r="E69" s="151"/>
      <c r="F69" s="151"/>
      <c r="G69" s="151"/>
      <c r="H69" s="128"/>
      <c r="L69" s="128"/>
      <c r="M69" s="128"/>
    </row>
    <row r="70" spans="1:14" outlineLevel="1" x14ac:dyDescent="0.3">
      <c r="A70" s="156" t="s">
        <v>2179</v>
      </c>
      <c r="B70" s="151"/>
      <c r="E70" s="151"/>
      <c r="F70" s="151"/>
      <c r="G70" s="151"/>
      <c r="H70" s="128"/>
      <c r="L70" s="128"/>
      <c r="M70" s="128"/>
    </row>
    <row r="71" spans="1:14" outlineLevel="1" x14ac:dyDescent="0.3">
      <c r="A71" s="156" t="s">
        <v>2180</v>
      </c>
      <c r="B71" s="151"/>
      <c r="E71" s="151"/>
      <c r="F71" s="151"/>
      <c r="G71" s="151"/>
      <c r="H71" s="128"/>
      <c r="L71" s="128"/>
      <c r="M71" s="128"/>
    </row>
    <row r="72" spans="1:14" outlineLevel="1" x14ac:dyDescent="0.3">
      <c r="A72" s="156" t="s">
        <v>2181</v>
      </c>
      <c r="B72" s="151"/>
      <c r="E72" s="151"/>
      <c r="F72" s="151"/>
      <c r="G72" s="151"/>
      <c r="H72" s="128"/>
      <c r="L72" s="128"/>
      <c r="M72" s="128"/>
    </row>
    <row r="73" spans="1:14" ht="18.75" customHeight="1" x14ac:dyDescent="0.3">
      <c r="A73" s="77"/>
      <c r="B73" s="163" t="s">
        <v>2077</v>
      </c>
      <c r="C73" s="77"/>
      <c r="D73" s="77"/>
      <c r="E73" s="77"/>
      <c r="F73" s="77"/>
      <c r="G73" s="77"/>
      <c r="H73" s="128"/>
    </row>
    <row r="74" spans="1:14" ht="15" customHeight="1" x14ac:dyDescent="0.3">
      <c r="A74" s="103"/>
      <c r="B74" s="79" t="s">
        <v>1588</v>
      </c>
      <c r="C74" s="103" t="s">
        <v>2182</v>
      </c>
      <c r="D74" s="103"/>
      <c r="E74" s="80"/>
      <c r="F74" s="80"/>
      <c r="G74" s="80"/>
      <c r="H74" s="140"/>
      <c r="I74" s="140"/>
      <c r="J74" s="140"/>
      <c r="K74" s="140"/>
      <c r="L74" s="140"/>
      <c r="M74" s="140"/>
      <c r="N74" s="140"/>
    </row>
    <row r="75" spans="1:14" x14ac:dyDescent="0.3">
      <c r="A75" s="156" t="s">
        <v>2183</v>
      </c>
      <c r="B75" s="156" t="s">
        <v>2184</v>
      </c>
      <c r="C75" s="156" t="s">
        <v>1057</v>
      </c>
      <c r="H75" s="128"/>
    </row>
    <row r="76" spans="1:14" x14ac:dyDescent="0.3">
      <c r="A76" s="156" t="s">
        <v>2185</v>
      </c>
      <c r="B76" s="156" t="s">
        <v>2186</v>
      </c>
      <c r="C76" s="156" t="s">
        <v>1057</v>
      </c>
      <c r="H76" s="128"/>
    </row>
    <row r="77" spans="1:14" outlineLevel="1" x14ac:dyDescent="0.3">
      <c r="A77" s="156" t="s">
        <v>2187</v>
      </c>
      <c r="H77" s="128"/>
    </row>
    <row r="78" spans="1:14" outlineLevel="1" x14ac:dyDescent="0.3">
      <c r="A78" s="156" t="s">
        <v>2188</v>
      </c>
      <c r="H78" s="128"/>
    </row>
    <row r="79" spans="1:14" outlineLevel="1" x14ac:dyDescent="0.3">
      <c r="A79" s="156" t="s">
        <v>2189</v>
      </c>
      <c r="H79" s="128"/>
    </row>
    <row r="80" spans="1:14" outlineLevel="1" x14ac:dyDescent="0.3">
      <c r="A80" s="156" t="s">
        <v>2190</v>
      </c>
      <c r="H80" s="128"/>
    </row>
    <row r="81" spans="1:8" x14ac:dyDescent="0.3">
      <c r="A81" s="103"/>
      <c r="B81" s="79" t="s">
        <v>2191</v>
      </c>
      <c r="C81" s="103" t="s">
        <v>858</v>
      </c>
      <c r="D81" s="103" t="s">
        <v>859</v>
      </c>
      <c r="E81" s="80" t="s">
        <v>1600</v>
      </c>
      <c r="F81" s="80" t="s">
        <v>1785</v>
      </c>
      <c r="G81" s="80" t="s">
        <v>2192</v>
      </c>
      <c r="H81" s="128"/>
    </row>
    <row r="82" spans="1:8" x14ac:dyDescent="0.3">
      <c r="A82" s="156" t="s">
        <v>2193</v>
      </c>
      <c r="B82" s="156" t="s">
        <v>2194</v>
      </c>
      <c r="C82" s="156" t="s">
        <v>1057</v>
      </c>
      <c r="D82" s="156" t="s">
        <v>1057</v>
      </c>
      <c r="E82" s="156" t="s">
        <v>1057</v>
      </c>
      <c r="F82" s="156" t="s">
        <v>1057</v>
      </c>
      <c r="G82" s="156" t="s">
        <v>1057</v>
      </c>
      <c r="H82" s="128"/>
    </row>
    <row r="83" spans="1:8" x14ac:dyDescent="0.3">
      <c r="A83" s="156" t="s">
        <v>2195</v>
      </c>
      <c r="B83" s="156" t="s">
        <v>2196</v>
      </c>
      <c r="C83" s="156" t="s">
        <v>1057</v>
      </c>
      <c r="D83" s="156" t="s">
        <v>1057</v>
      </c>
      <c r="E83" s="156" t="s">
        <v>1057</v>
      </c>
      <c r="F83" s="156" t="s">
        <v>1057</v>
      </c>
      <c r="G83" s="156" t="s">
        <v>1057</v>
      </c>
      <c r="H83" s="128"/>
    </row>
    <row r="84" spans="1:8" x14ac:dyDescent="0.3">
      <c r="A84" s="156" t="s">
        <v>2197</v>
      </c>
      <c r="B84" s="156" t="s">
        <v>2198</v>
      </c>
      <c r="C84" s="156" t="s">
        <v>1057</v>
      </c>
      <c r="D84" s="156" t="s">
        <v>1057</v>
      </c>
      <c r="E84" s="156" t="s">
        <v>1057</v>
      </c>
      <c r="F84" s="156" t="s">
        <v>1057</v>
      </c>
      <c r="G84" s="156" t="s">
        <v>1057</v>
      </c>
      <c r="H84" s="128"/>
    </row>
    <row r="85" spans="1:8" x14ac:dyDescent="0.3">
      <c r="A85" s="156" t="s">
        <v>2199</v>
      </c>
      <c r="B85" s="156" t="s">
        <v>2200</v>
      </c>
      <c r="C85" s="156" t="s">
        <v>1057</v>
      </c>
      <c r="D85" s="156" t="s">
        <v>1057</v>
      </c>
      <c r="E85" s="156" t="s">
        <v>1057</v>
      </c>
      <c r="F85" s="156" t="s">
        <v>1057</v>
      </c>
      <c r="G85" s="156" t="s">
        <v>1057</v>
      </c>
      <c r="H85" s="128"/>
    </row>
    <row r="86" spans="1:8" x14ac:dyDescent="0.3">
      <c r="A86" s="156" t="s">
        <v>2201</v>
      </c>
      <c r="B86" s="156" t="s">
        <v>2202</v>
      </c>
      <c r="C86" s="156" t="s">
        <v>1057</v>
      </c>
      <c r="D86" s="156" t="s">
        <v>1057</v>
      </c>
      <c r="E86" s="156" t="s">
        <v>1057</v>
      </c>
      <c r="F86" s="156" t="s">
        <v>1057</v>
      </c>
      <c r="G86" s="156" t="s">
        <v>1057</v>
      </c>
      <c r="H86" s="128"/>
    </row>
    <row r="87" spans="1:8" outlineLevel="1" x14ac:dyDescent="0.3">
      <c r="A87" s="156" t="s">
        <v>2203</v>
      </c>
      <c r="H87" s="128"/>
    </row>
    <row r="88" spans="1:8" outlineLevel="1" x14ac:dyDescent="0.3">
      <c r="A88" s="156" t="s">
        <v>2204</v>
      </c>
      <c r="H88" s="128"/>
    </row>
    <row r="89" spans="1:8" outlineLevel="1" x14ac:dyDescent="0.3">
      <c r="A89" s="156" t="s">
        <v>2205</v>
      </c>
      <c r="H89" s="128"/>
    </row>
    <row r="90" spans="1:8" outlineLevel="1" x14ac:dyDescent="0.3">
      <c r="A90" s="156" t="s">
        <v>2206</v>
      </c>
      <c r="H90" s="128"/>
    </row>
    <row r="91" spans="1:8" x14ac:dyDescent="0.3">
      <c r="H91" s="128"/>
    </row>
    <row r="92" spans="1:8" x14ac:dyDescent="0.3">
      <c r="H92" s="128"/>
    </row>
    <row r="93" spans="1:8" x14ac:dyDescent="0.3">
      <c r="H93" s="128"/>
    </row>
    <row r="94" spans="1:8" x14ac:dyDescent="0.3">
      <c r="H94" s="128"/>
    </row>
    <row r="95" spans="1:8" x14ac:dyDescent="0.3">
      <c r="H95" s="128"/>
    </row>
    <row r="96" spans="1:8" x14ac:dyDescent="0.3">
      <c r="H96" s="128"/>
    </row>
    <row r="97" spans="8:8" x14ac:dyDescent="0.3">
      <c r="H97" s="128"/>
    </row>
    <row r="98" spans="8:8" x14ac:dyDescent="0.3">
      <c r="H98" s="128"/>
    </row>
    <row r="99" spans="8:8" x14ac:dyDescent="0.3">
      <c r="H99" s="128"/>
    </row>
    <row r="100" spans="8:8" x14ac:dyDescent="0.3">
      <c r="H100" s="128"/>
    </row>
    <row r="101" spans="8:8" x14ac:dyDescent="0.3">
      <c r="H101" s="128"/>
    </row>
    <row r="102" spans="8:8" x14ac:dyDescent="0.3">
      <c r="H102" s="128"/>
    </row>
    <row r="103" spans="8:8" x14ac:dyDescent="0.3">
      <c r="H103" s="128"/>
    </row>
    <row r="104" spans="8:8" x14ac:dyDescent="0.3">
      <c r="H104" s="128"/>
    </row>
    <row r="105" spans="8:8" x14ac:dyDescent="0.3">
      <c r="H105" s="128"/>
    </row>
    <row r="106" spans="8:8" x14ac:dyDescent="0.3">
      <c r="H106" s="128"/>
    </row>
    <row r="107" spans="8:8" x14ac:dyDescent="0.3">
      <c r="H107" s="128"/>
    </row>
    <row r="108" spans="8:8" x14ac:dyDescent="0.3">
      <c r="H108" s="128"/>
    </row>
    <row r="109" spans="8:8" x14ac:dyDescent="0.3">
      <c r="H109" s="128"/>
    </row>
    <row r="110" spans="8:8" x14ac:dyDescent="0.3">
      <c r="H110" s="128"/>
    </row>
    <row r="111" spans="8:8" x14ac:dyDescent="0.3">
      <c r="H111" s="128"/>
    </row>
    <row r="112" spans="8:8" x14ac:dyDescent="0.3">
      <c r="H112" s="128"/>
    </row>
  </sheetData>
  <mergeCells count="1">
    <mergeCell ref="A1:B1"/>
  </mergeCells>
  <hyperlinks>
    <hyperlink ref="B7" r:id="rId1" location="'E. Optional ECB-ECAIs data'!B12" xr:uid="{00000000-0004-0000-0A00-000000000000}"/>
    <hyperlink ref="B8" r:id="rId2" location="'E. Optional ECB-ECAIs data'!B33" xr:uid="{00000000-0004-0000-0A00-000001000000}"/>
    <hyperlink ref="B9" r:id="rId3" location="'E. Optional ECB-ECAIs data'!B73" xr:uid="{00000000-0004-0000-0A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008B"/>
  </sheetPr>
  <dimension ref="A1:G640"/>
  <sheetViews>
    <sheetView zoomScale="80" zoomScaleNormal="80" workbookViewId="0">
      <selection activeCell="A3" sqref="A3"/>
    </sheetView>
  </sheetViews>
  <sheetFormatPr defaultRowHeight="14.4" x14ac:dyDescent="0.3"/>
  <cols>
    <col min="1" max="1" width="14.88671875" style="159" customWidth="1"/>
    <col min="2" max="2" width="60.5546875" style="159" bestFit="1" customWidth="1"/>
    <col min="3" max="7" width="41" style="159" customWidth="1"/>
  </cols>
  <sheetData>
    <row r="1" spans="1:7" ht="24" customHeight="1" x14ac:dyDescent="0.3">
      <c r="A1" s="304"/>
      <c r="B1" s="282"/>
    </row>
    <row r="2" spans="1:7" ht="31.5" customHeight="1" x14ac:dyDescent="0.3">
      <c r="A2" s="93" t="s">
        <v>2207</v>
      </c>
      <c r="B2" s="93"/>
      <c r="C2" s="128"/>
      <c r="D2" s="128"/>
      <c r="E2" s="128"/>
      <c r="F2" s="158" t="s">
        <v>272</v>
      </c>
      <c r="G2" s="94"/>
    </row>
    <row r="3" spans="1:7" ht="15.75" customHeight="1" thickBot="1" x14ac:dyDescent="0.35">
      <c r="A3" s="128"/>
      <c r="B3" s="95"/>
      <c r="C3" s="95"/>
      <c r="D3" s="128"/>
      <c r="E3" s="128"/>
      <c r="F3" s="128"/>
      <c r="G3" s="128"/>
    </row>
    <row r="4" spans="1:7" ht="19.5" customHeight="1" thickBot="1" x14ac:dyDescent="0.35">
      <c r="A4" s="96"/>
      <c r="B4" s="97" t="s">
        <v>273</v>
      </c>
      <c r="C4" s="137" t="s">
        <v>2070</v>
      </c>
      <c r="D4" s="96"/>
      <c r="E4" s="96"/>
      <c r="F4" s="128"/>
      <c r="G4" s="128"/>
    </row>
    <row r="5" spans="1:7" x14ac:dyDescent="0.3">
      <c r="A5" s="156"/>
      <c r="B5" s="156"/>
      <c r="C5" s="156"/>
      <c r="D5" s="156"/>
      <c r="E5" s="156"/>
      <c r="F5" s="156"/>
      <c r="G5" s="156"/>
    </row>
    <row r="6" spans="1:7" ht="18.75" customHeight="1" x14ac:dyDescent="0.3">
      <c r="A6" s="101"/>
      <c r="B6" s="307" t="s">
        <v>2208</v>
      </c>
      <c r="C6" s="308"/>
      <c r="D6" s="156"/>
      <c r="E6" s="145"/>
      <c r="F6" s="145"/>
      <c r="G6" s="145"/>
    </row>
    <row r="7" spans="1:7" x14ac:dyDescent="0.3">
      <c r="A7" s="122"/>
      <c r="B7" s="309" t="s">
        <v>2209</v>
      </c>
      <c r="C7" s="282"/>
      <c r="D7" s="119"/>
      <c r="E7" s="156"/>
      <c r="F7" s="156"/>
      <c r="G7" s="156"/>
    </row>
    <row r="8" spans="1:7" x14ac:dyDescent="0.3">
      <c r="A8" s="156"/>
      <c r="B8" s="309" t="s">
        <v>2210</v>
      </c>
      <c r="C8" s="308"/>
      <c r="D8" s="119"/>
      <c r="E8" s="156"/>
      <c r="F8" s="156"/>
      <c r="G8" s="156"/>
    </row>
    <row r="9" spans="1:7" x14ac:dyDescent="0.3">
      <c r="A9" s="156"/>
      <c r="B9" s="309" t="s">
        <v>2211</v>
      </c>
      <c r="C9" s="308"/>
      <c r="D9" s="119"/>
      <c r="E9" s="156"/>
      <c r="F9" s="156"/>
      <c r="G9" s="156"/>
    </row>
    <row r="10" spans="1:7" ht="15.75" customHeight="1" thickBot="1" x14ac:dyDescent="0.35">
      <c r="A10" s="156"/>
      <c r="B10" s="309" t="s">
        <v>2212</v>
      </c>
      <c r="C10" s="310"/>
      <c r="D10" s="156"/>
      <c r="E10" s="156"/>
      <c r="F10" s="156"/>
      <c r="G10" s="156"/>
    </row>
    <row r="11" spans="1:7" x14ac:dyDescent="0.3">
      <c r="A11" s="156"/>
      <c r="B11" s="121"/>
      <c r="C11" s="120"/>
      <c r="D11" s="156"/>
      <c r="E11" s="156"/>
      <c r="F11" s="156"/>
      <c r="G11" s="156"/>
    </row>
    <row r="12" spans="1:7" x14ac:dyDescent="0.3">
      <c r="A12" s="156"/>
      <c r="B12" s="162"/>
      <c r="C12" s="156"/>
      <c r="D12" s="156"/>
      <c r="E12" s="156"/>
      <c r="F12" s="156"/>
      <c r="G12" s="156"/>
    </row>
    <row r="13" spans="1:7" x14ac:dyDescent="0.3">
      <c r="A13" s="156"/>
      <c r="B13" s="162"/>
      <c r="C13" s="156"/>
      <c r="D13" s="156"/>
      <c r="E13" s="156"/>
      <c r="F13" s="156"/>
      <c r="G13" s="156"/>
    </row>
    <row r="14" spans="1:7" ht="18.75" customHeight="1" x14ac:dyDescent="0.3">
      <c r="A14" s="163"/>
      <c r="B14" s="306" t="s">
        <v>2209</v>
      </c>
      <c r="C14" s="282"/>
      <c r="D14" s="163"/>
      <c r="E14" s="163"/>
      <c r="F14" s="163"/>
      <c r="G14" s="163"/>
    </row>
    <row r="15" spans="1:7" x14ac:dyDescent="0.3">
      <c r="A15" s="103"/>
      <c r="B15" s="103" t="s">
        <v>2213</v>
      </c>
      <c r="C15" s="103" t="s">
        <v>325</v>
      </c>
      <c r="D15" s="103" t="s">
        <v>2214</v>
      </c>
      <c r="E15" s="103"/>
      <c r="F15" s="103" t="s">
        <v>2215</v>
      </c>
      <c r="G15" s="103" t="s">
        <v>2216</v>
      </c>
    </row>
    <row r="16" spans="1:7" x14ac:dyDescent="0.3">
      <c r="A16" s="156" t="s">
        <v>2217</v>
      </c>
      <c r="B16" s="89" t="s">
        <v>2218</v>
      </c>
      <c r="C16" s="196" t="s">
        <v>1057</v>
      </c>
      <c r="D16" s="123" t="s">
        <v>1057</v>
      </c>
      <c r="F16" s="174" t="str">
        <f>IF(OR('B1. HTT Mortgage Assets'!$C$15=0,C16="[For completion]"),"",C16/'B1. HTT Mortgage Assets'!$C$15)</f>
        <v/>
      </c>
      <c r="G16" s="174" t="str">
        <f>IF(OR('B1. HTT Mortgage Assets'!$F$28=0,D16="[For completion]"),"",D16/'B1. HTT Mortgage Assets'!$F$28)</f>
        <v/>
      </c>
    </row>
    <row r="17" spans="1:7" x14ac:dyDescent="0.3">
      <c r="A17" s="156" t="s">
        <v>2219</v>
      </c>
      <c r="B17" s="151" t="s">
        <v>2220</v>
      </c>
      <c r="C17" s="196" t="s">
        <v>1057</v>
      </c>
      <c r="D17" s="123" t="s">
        <v>1057</v>
      </c>
      <c r="F17" s="174" t="str">
        <f>IF(OR('B1. HTT Mortgage Assets'!$C$15=0,C17="[For completion]"),"",C17/'B1. HTT Mortgage Assets'!$C$15)</f>
        <v/>
      </c>
      <c r="G17" s="174" t="str">
        <f>IF(OR('B1. HTT Mortgage Assets'!$F$28=0,D17="[For completion]"),"",D17/'B1. HTT Mortgage Assets'!$F$28)</f>
        <v/>
      </c>
    </row>
    <row r="18" spans="1:7" x14ac:dyDescent="0.3">
      <c r="A18" s="156" t="s">
        <v>2221</v>
      </c>
      <c r="B18" s="151" t="s">
        <v>2222</v>
      </c>
      <c r="C18" s="196" t="s">
        <v>1057</v>
      </c>
      <c r="D18" s="123" t="s">
        <v>1057</v>
      </c>
      <c r="F18" s="174" t="str">
        <f>IF(OR('B1. HTT Mortgage Assets'!$C$15=0,C18="[For completion]"),"",C18/'B1. HTT Mortgage Assets'!$C$15)</f>
        <v/>
      </c>
      <c r="G18" s="174" t="str">
        <f>IF(OR('B1. HTT Mortgage Assets'!$F$28=0,D18="[For completion]"),"",D18/'B1. HTT Mortgage Assets'!$F$28)</f>
        <v/>
      </c>
    </row>
    <row r="19" spans="1:7" x14ac:dyDescent="0.3">
      <c r="A19" s="156" t="s">
        <v>2223</v>
      </c>
      <c r="B19" s="151" t="s">
        <v>2224</v>
      </c>
      <c r="C19" s="177">
        <f>SUM(C16:C18)</f>
        <v>0</v>
      </c>
      <c r="D19" s="116">
        <f>SUM(D16:D18)</f>
        <v>0</v>
      </c>
      <c r="F19" s="174">
        <f>SUM(F16:F18)</f>
        <v>0</v>
      </c>
      <c r="G19" s="174">
        <f>SUM(G16:G18)</f>
        <v>0</v>
      </c>
    </row>
    <row r="20" spans="1:7" x14ac:dyDescent="0.3">
      <c r="A20" s="151" t="s">
        <v>2225</v>
      </c>
      <c r="B20" s="127" t="s">
        <v>368</v>
      </c>
      <c r="C20" s="136"/>
      <c r="D20" s="136"/>
      <c r="F20" s="151"/>
      <c r="G20" s="151"/>
    </row>
    <row r="21" spans="1:7" x14ac:dyDescent="0.3">
      <c r="A21" s="151" t="s">
        <v>2226</v>
      </c>
      <c r="B21" s="127" t="s">
        <v>368</v>
      </c>
      <c r="C21" s="136"/>
      <c r="D21" s="136"/>
      <c r="F21" s="151"/>
      <c r="G21" s="151"/>
    </row>
    <row r="22" spans="1:7" x14ac:dyDescent="0.3">
      <c r="A22" s="151" t="s">
        <v>2227</v>
      </c>
      <c r="B22" s="127" t="s">
        <v>368</v>
      </c>
      <c r="C22" s="136"/>
      <c r="D22" s="136"/>
      <c r="F22" s="151"/>
      <c r="G22" s="151"/>
    </row>
    <row r="23" spans="1:7" x14ac:dyDescent="0.3">
      <c r="A23" s="151" t="s">
        <v>2228</v>
      </c>
      <c r="B23" s="127" t="s">
        <v>368</v>
      </c>
      <c r="C23" s="136"/>
      <c r="D23" s="136"/>
      <c r="F23" s="151"/>
      <c r="G23" s="151"/>
    </row>
    <row r="24" spans="1:7" x14ac:dyDescent="0.3">
      <c r="A24" s="151" t="s">
        <v>2229</v>
      </c>
      <c r="B24" s="127" t="s">
        <v>368</v>
      </c>
      <c r="C24" s="136"/>
      <c r="D24" s="136"/>
      <c r="F24" s="151"/>
      <c r="G24" s="151"/>
    </row>
    <row r="25" spans="1:7" ht="18.75" customHeight="1" x14ac:dyDescent="0.3">
      <c r="A25" s="163"/>
      <c r="B25" s="306" t="s">
        <v>2210</v>
      </c>
      <c r="C25" s="282"/>
      <c r="D25" s="163"/>
      <c r="E25" s="163"/>
      <c r="F25" s="163"/>
      <c r="G25" s="163"/>
    </row>
    <row r="26" spans="1:7" x14ac:dyDescent="0.3">
      <c r="A26" s="103"/>
      <c r="B26" s="103" t="s">
        <v>2230</v>
      </c>
      <c r="C26" s="103" t="s">
        <v>325</v>
      </c>
      <c r="D26" s="103"/>
      <c r="E26" s="103"/>
      <c r="F26" s="103" t="s">
        <v>2231</v>
      </c>
      <c r="G26" s="103"/>
    </row>
    <row r="27" spans="1:7" x14ac:dyDescent="0.3">
      <c r="A27" s="156" t="s">
        <v>2232</v>
      </c>
      <c r="B27" s="156" t="s">
        <v>825</v>
      </c>
      <c r="C27" s="193" t="s">
        <v>1057</v>
      </c>
      <c r="D27" s="170"/>
      <c r="E27" s="156"/>
      <c r="F27" s="174" t="str">
        <f>IF($C$30=0,"",IF(C27="[For completion]","",C27/$C$30))</f>
        <v/>
      </c>
    </row>
    <row r="28" spans="1:7" x14ac:dyDescent="0.3">
      <c r="A28" s="156" t="s">
        <v>2233</v>
      </c>
      <c r="B28" s="156" t="s">
        <v>827</v>
      </c>
      <c r="C28" s="193" t="s">
        <v>1057</v>
      </c>
      <c r="D28" s="170"/>
      <c r="E28" s="156"/>
      <c r="F28" s="174" t="str">
        <f>IF($C$30=0,"",IF(C28="[For completion]","",C28/$C$30))</f>
        <v/>
      </c>
    </row>
    <row r="29" spans="1:7" x14ac:dyDescent="0.3">
      <c r="A29" s="156" t="s">
        <v>2234</v>
      </c>
      <c r="B29" s="156" t="s">
        <v>364</v>
      </c>
      <c r="C29" s="193" t="s">
        <v>1057</v>
      </c>
      <c r="D29" s="170"/>
      <c r="E29" s="156"/>
      <c r="F29" s="174" t="str">
        <f>IF($C$30=0,"",IF(C29="[For completion]","",C29/$C$30))</f>
        <v/>
      </c>
    </row>
    <row r="30" spans="1:7" x14ac:dyDescent="0.3">
      <c r="A30" s="156" t="s">
        <v>2235</v>
      </c>
      <c r="B30" s="90" t="s">
        <v>366</v>
      </c>
      <c r="C30" s="170">
        <f>SUM(C27:C29)</f>
        <v>0</v>
      </c>
      <c r="D30" s="156"/>
      <c r="E30" s="156"/>
      <c r="F30" s="173">
        <f>SUM(F27:F29)</f>
        <v>0</v>
      </c>
    </row>
    <row r="31" spans="1:7" x14ac:dyDescent="0.3">
      <c r="A31" s="156" t="s">
        <v>2236</v>
      </c>
      <c r="B31" s="106" t="s">
        <v>833</v>
      </c>
      <c r="C31" s="193"/>
      <c r="D31" s="156"/>
      <c r="E31" s="156"/>
      <c r="F31" s="174" t="str">
        <f t="shared" ref="F31:F39" si="0">IF($C$30=0,"",IF(C31="[For completion]","",C31/$C$30))</f>
        <v/>
      </c>
    </row>
    <row r="32" spans="1:7" x14ac:dyDescent="0.3">
      <c r="A32" s="156" t="s">
        <v>2237</v>
      </c>
      <c r="B32" s="106" t="s">
        <v>2238</v>
      </c>
      <c r="C32" s="193"/>
      <c r="D32" s="156"/>
      <c r="E32" s="156"/>
      <c r="F32" s="174" t="str">
        <f t="shared" si="0"/>
        <v/>
      </c>
      <c r="G32" s="145"/>
    </row>
    <row r="33" spans="1:7" x14ac:dyDescent="0.3">
      <c r="A33" s="156" t="s">
        <v>2239</v>
      </c>
      <c r="B33" s="106" t="s">
        <v>2240</v>
      </c>
      <c r="C33" s="193"/>
      <c r="D33" s="156"/>
      <c r="E33" s="156"/>
      <c r="F33" s="174" t="str">
        <f t="shared" si="0"/>
        <v/>
      </c>
      <c r="G33" s="145"/>
    </row>
    <row r="34" spans="1:7" x14ac:dyDescent="0.3">
      <c r="A34" s="156" t="s">
        <v>2241</v>
      </c>
      <c r="B34" s="106" t="s">
        <v>2242</v>
      </c>
      <c r="C34" s="193"/>
      <c r="D34" s="156"/>
      <c r="E34" s="156"/>
      <c r="F34" s="174" t="str">
        <f t="shared" si="0"/>
        <v/>
      </c>
      <c r="G34" s="145"/>
    </row>
    <row r="35" spans="1:7" x14ac:dyDescent="0.3">
      <c r="A35" s="156" t="s">
        <v>2243</v>
      </c>
      <c r="B35" s="106" t="s">
        <v>2244</v>
      </c>
      <c r="C35" s="193"/>
      <c r="D35" s="156"/>
      <c r="E35" s="156"/>
      <c r="F35" s="174" t="str">
        <f t="shared" si="0"/>
        <v/>
      </c>
      <c r="G35" s="145"/>
    </row>
    <row r="36" spans="1:7" x14ac:dyDescent="0.3">
      <c r="A36" s="156" t="s">
        <v>2245</v>
      </c>
      <c r="B36" s="106" t="s">
        <v>2246</v>
      </c>
      <c r="C36" s="193"/>
      <c r="D36" s="156"/>
      <c r="E36" s="156"/>
      <c r="F36" s="174" t="str">
        <f t="shared" si="0"/>
        <v/>
      </c>
      <c r="G36" s="145"/>
    </row>
    <row r="37" spans="1:7" x14ac:dyDescent="0.3">
      <c r="A37" s="156" t="s">
        <v>2247</v>
      </c>
      <c r="B37" s="106" t="s">
        <v>2248</v>
      </c>
      <c r="C37" s="193"/>
      <c r="D37" s="156"/>
      <c r="E37" s="156"/>
      <c r="F37" s="174" t="str">
        <f t="shared" si="0"/>
        <v/>
      </c>
      <c r="G37" s="145"/>
    </row>
    <row r="38" spans="1:7" x14ac:dyDescent="0.3">
      <c r="A38" s="156" t="s">
        <v>2249</v>
      </c>
      <c r="B38" s="106" t="s">
        <v>2250</v>
      </c>
      <c r="C38" s="193"/>
      <c r="D38" s="156"/>
      <c r="E38" s="156"/>
      <c r="F38" s="174" t="str">
        <f t="shared" si="0"/>
        <v/>
      </c>
      <c r="G38" s="145"/>
    </row>
    <row r="39" spans="1:7" x14ac:dyDescent="0.3">
      <c r="A39" s="156" t="s">
        <v>2251</v>
      </c>
      <c r="B39" s="106" t="s">
        <v>2252</v>
      </c>
      <c r="C39" s="193"/>
      <c r="D39" s="156"/>
      <c r="F39" s="174" t="str">
        <f t="shared" si="0"/>
        <v/>
      </c>
      <c r="G39" s="145"/>
    </row>
    <row r="40" spans="1:7" x14ac:dyDescent="0.3">
      <c r="A40" s="156" t="s">
        <v>2253</v>
      </c>
      <c r="B40" s="127" t="s">
        <v>2254</v>
      </c>
      <c r="C40" s="193"/>
      <c r="D40" s="156"/>
      <c r="F40" s="151"/>
      <c r="G40" s="151"/>
    </row>
    <row r="41" spans="1:7" x14ac:dyDescent="0.3">
      <c r="A41" s="156" t="s">
        <v>2255</v>
      </c>
      <c r="B41" s="127" t="s">
        <v>368</v>
      </c>
      <c r="C41" s="197"/>
      <c r="D41" s="140"/>
      <c r="F41" s="151"/>
      <c r="G41" s="151"/>
    </row>
    <row r="42" spans="1:7" x14ac:dyDescent="0.3">
      <c r="A42" s="156" t="s">
        <v>2256</v>
      </c>
      <c r="B42" s="127" t="s">
        <v>368</v>
      </c>
      <c r="C42" s="197"/>
      <c r="D42" s="140"/>
      <c r="E42" s="140"/>
      <c r="F42" s="151"/>
      <c r="G42" s="151"/>
    </row>
    <row r="43" spans="1:7" x14ac:dyDescent="0.3">
      <c r="A43" s="156" t="s">
        <v>2257</v>
      </c>
      <c r="B43" s="127" t="s">
        <v>368</v>
      </c>
      <c r="C43" s="197"/>
      <c r="D43" s="140"/>
      <c r="E43" s="140"/>
      <c r="F43" s="151"/>
      <c r="G43" s="151"/>
    </row>
    <row r="44" spans="1:7" x14ac:dyDescent="0.3">
      <c r="A44" s="156" t="s">
        <v>2258</v>
      </c>
      <c r="B44" s="127" t="s">
        <v>368</v>
      </c>
      <c r="C44" s="197"/>
      <c r="D44" s="140"/>
      <c r="E44" s="140"/>
      <c r="F44" s="151"/>
      <c r="G44" s="151"/>
    </row>
    <row r="45" spans="1:7" x14ac:dyDescent="0.3">
      <c r="A45" s="156" t="s">
        <v>2259</v>
      </c>
      <c r="B45" s="127" t="s">
        <v>368</v>
      </c>
      <c r="C45" s="197"/>
      <c r="D45" s="140"/>
      <c r="E45" s="140"/>
      <c r="F45" s="151"/>
      <c r="G45" s="151"/>
    </row>
    <row r="46" spans="1:7" x14ac:dyDescent="0.3">
      <c r="A46" s="156" t="s">
        <v>2260</v>
      </c>
      <c r="B46" s="127" t="s">
        <v>368</v>
      </c>
      <c r="C46" s="197"/>
      <c r="D46" s="140"/>
      <c r="E46" s="140"/>
      <c r="F46" s="151"/>
      <c r="G46" s="151"/>
    </row>
    <row r="47" spans="1:7" x14ac:dyDescent="0.3">
      <c r="A47" s="156" t="s">
        <v>2261</v>
      </c>
      <c r="B47" s="127" t="s">
        <v>368</v>
      </c>
      <c r="C47" s="197"/>
      <c r="D47" s="140"/>
      <c r="E47" s="140"/>
      <c r="F47" s="151"/>
    </row>
    <row r="48" spans="1:7" x14ac:dyDescent="0.3">
      <c r="A48" s="156" t="s">
        <v>2262</v>
      </c>
      <c r="B48" s="127" t="s">
        <v>368</v>
      </c>
      <c r="C48" s="197"/>
      <c r="D48" s="140"/>
      <c r="E48" s="140"/>
      <c r="F48" s="151"/>
    </row>
    <row r="49" spans="1:7" x14ac:dyDescent="0.3">
      <c r="A49" s="103"/>
      <c r="B49" s="103" t="s">
        <v>2263</v>
      </c>
      <c r="C49" s="103" t="s">
        <v>844</v>
      </c>
      <c r="D49" s="103" t="s">
        <v>845</v>
      </c>
      <c r="E49" s="103"/>
      <c r="F49" s="103" t="s">
        <v>2264</v>
      </c>
      <c r="G49" s="103"/>
    </row>
    <row r="50" spans="1:7" x14ac:dyDescent="0.3">
      <c r="A50" s="156" t="s">
        <v>2265</v>
      </c>
      <c r="B50" s="156" t="s">
        <v>2266</v>
      </c>
      <c r="C50" s="125" t="s">
        <v>1057</v>
      </c>
      <c r="D50" s="125" t="s">
        <v>1057</v>
      </c>
      <c r="E50" s="156"/>
      <c r="F50" s="126" t="s">
        <v>1057</v>
      </c>
      <c r="G50" s="151"/>
    </row>
    <row r="51" spans="1:7" x14ac:dyDescent="0.3">
      <c r="A51" s="156" t="s">
        <v>2267</v>
      </c>
      <c r="B51" s="124" t="s">
        <v>850</v>
      </c>
      <c r="C51" s="164"/>
      <c r="D51" s="164"/>
      <c r="E51" s="156"/>
      <c r="F51" s="156"/>
      <c r="G51" s="151"/>
    </row>
    <row r="52" spans="1:7" x14ac:dyDescent="0.3">
      <c r="A52" s="156" t="s">
        <v>2268</v>
      </c>
      <c r="B52" s="124" t="s">
        <v>852</v>
      </c>
      <c r="C52" s="164"/>
      <c r="D52" s="164"/>
      <c r="E52" s="156"/>
      <c r="F52" s="156"/>
      <c r="G52" s="151"/>
    </row>
    <row r="53" spans="1:7" x14ac:dyDescent="0.3">
      <c r="A53" s="156" t="s">
        <v>2269</v>
      </c>
      <c r="B53" s="104"/>
      <c r="C53" s="156"/>
      <c r="D53" s="156"/>
      <c r="E53" s="156"/>
      <c r="F53" s="156"/>
      <c r="G53" s="151"/>
    </row>
    <row r="54" spans="1:7" x14ac:dyDescent="0.3">
      <c r="A54" s="156" t="s">
        <v>2270</v>
      </c>
      <c r="B54" s="104"/>
      <c r="C54" s="156"/>
      <c r="D54" s="156"/>
      <c r="E54" s="156"/>
      <c r="F54" s="156"/>
      <c r="G54" s="151"/>
    </row>
    <row r="55" spans="1:7" x14ac:dyDescent="0.3">
      <c r="A55" s="156" t="s">
        <v>2271</v>
      </c>
      <c r="B55" s="104"/>
      <c r="C55" s="156"/>
      <c r="D55" s="156"/>
      <c r="E55" s="156"/>
      <c r="F55" s="156"/>
      <c r="G55" s="151"/>
    </row>
    <row r="56" spans="1:7" x14ac:dyDescent="0.3">
      <c r="A56" s="156" t="s">
        <v>2272</v>
      </c>
      <c r="B56" s="104"/>
      <c r="C56" s="156"/>
      <c r="D56" s="156"/>
      <c r="E56" s="156"/>
      <c r="F56" s="156"/>
      <c r="G56" s="151"/>
    </row>
    <row r="57" spans="1:7" x14ac:dyDescent="0.3">
      <c r="A57" s="103"/>
      <c r="B57" s="103" t="s">
        <v>857</v>
      </c>
      <c r="C57" s="103" t="s">
        <v>858</v>
      </c>
      <c r="D57" s="103" t="s">
        <v>859</v>
      </c>
      <c r="E57" s="103"/>
      <c r="F57" s="103" t="s">
        <v>2273</v>
      </c>
      <c r="G57" s="103"/>
    </row>
    <row r="58" spans="1:7" x14ac:dyDescent="0.3">
      <c r="A58" s="156" t="s">
        <v>2274</v>
      </c>
      <c r="B58" s="156" t="s">
        <v>861</v>
      </c>
      <c r="C58" s="191" t="s">
        <v>1057</v>
      </c>
      <c r="D58" s="191" t="s">
        <v>1057</v>
      </c>
      <c r="E58" s="188"/>
      <c r="F58" s="191" t="s">
        <v>1057</v>
      </c>
      <c r="G58" s="151"/>
    </row>
    <row r="59" spans="1:7" x14ac:dyDescent="0.3">
      <c r="A59" s="156" t="s">
        <v>2275</v>
      </c>
      <c r="B59" s="156"/>
      <c r="C59" s="173"/>
      <c r="D59" s="173"/>
      <c r="E59" s="188"/>
      <c r="F59" s="173"/>
      <c r="G59" s="151"/>
    </row>
    <row r="60" spans="1:7" x14ac:dyDescent="0.3">
      <c r="A60" s="156" t="s">
        <v>2276</v>
      </c>
      <c r="B60" s="156"/>
      <c r="C60" s="173"/>
      <c r="D60" s="173"/>
      <c r="E60" s="188"/>
      <c r="F60" s="173"/>
      <c r="G60" s="151"/>
    </row>
    <row r="61" spans="1:7" x14ac:dyDescent="0.3">
      <c r="A61" s="156" t="s">
        <v>2277</v>
      </c>
      <c r="B61" s="156"/>
      <c r="C61" s="173"/>
      <c r="D61" s="173"/>
      <c r="E61" s="188"/>
      <c r="F61" s="173"/>
      <c r="G61" s="151"/>
    </row>
    <row r="62" spans="1:7" x14ac:dyDescent="0.3">
      <c r="A62" s="156" t="s">
        <v>2278</v>
      </c>
      <c r="B62" s="156"/>
      <c r="C62" s="173"/>
      <c r="D62" s="173"/>
      <c r="E62" s="188"/>
      <c r="F62" s="173"/>
      <c r="G62" s="151"/>
    </row>
    <row r="63" spans="1:7" x14ac:dyDescent="0.3">
      <c r="A63" s="156" t="s">
        <v>2279</v>
      </c>
      <c r="B63" s="156"/>
      <c r="C63" s="173"/>
      <c r="D63" s="173"/>
      <c r="E63" s="188"/>
      <c r="F63" s="173"/>
      <c r="G63" s="151"/>
    </row>
    <row r="64" spans="1:7" x14ac:dyDescent="0.3">
      <c r="A64" s="156" t="s">
        <v>2280</v>
      </c>
      <c r="B64" s="156"/>
      <c r="C64" s="173"/>
      <c r="D64" s="173"/>
      <c r="E64" s="188"/>
      <c r="F64" s="173"/>
      <c r="G64" s="151"/>
    </row>
    <row r="65" spans="1:7" x14ac:dyDescent="0.3">
      <c r="A65" s="103"/>
      <c r="B65" s="103" t="s">
        <v>868</v>
      </c>
      <c r="C65" s="103" t="s">
        <v>858</v>
      </c>
      <c r="D65" s="103" t="s">
        <v>859</v>
      </c>
      <c r="E65" s="103"/>
      <c r="F65" s="103" t="s">
        <v>2273</v>
      </c>
      <c r="G65" s="103"/>
    </row>
    <row r="66" spans="1:7" x14ac:dyDescent="0.3">
      <c r="A66" s="156" t="s">
        <v>2281</v>
      </c>
      <c r="B66" s="107" t="s">
        <v>870</v>
      </c>
      <c r="C66" s="189">
        <f>SUM(C67:C93)</f>
        <v>0</v>
      </c>
      <c r="D66" s="189">
        <f>SUM(D67:D93)</f>
        <v>0</v>
      </c>
      <c r="E66" s="173"/>
      <c r="F66" s="189">
        <f>SUM(F67:F93)</f>
        <v>0</v>
      </c>
      <c r="G66" s="151"/>
    </row>
    <row r="67" spans="1:7" x14ac:dyDescent="0.3">
      <c r="A67" s="156" t="s">
        <v>2282</v>
      </c>
      <c r="B67" s="156" t="s">
        <v>872</v>
      </c>
      <c r="C67" s="191" t="s">
        <v>1057</v>
      </c>
      <c r="D67" s="191" t="s">
        <v>1057</v>
      </c>
      <c r="E67" s="173"/>
      <c r="F67" s="191" t="s">
        <v>1057</v>
      </c>
      <c r="G67" s="151"/>
    </row>
    <row r="68" spans="1:7" x14ac:dyDescent="0.3">
      <c r="A68" s="156" t="s">
        <v>2283</v>
      </c>
      <c r="B68" s="156" t="s">
        <v>874</v>
      </c>
      <c r="C68" s="191" t="s">
        <v>1057</v>
      </c>
      <c r="D68" s="191" t="s">
        <v>1057</v>
      </c>
      <c r="E68" s="173"/>
      <c r="F68" s="191" t="s">
        <v>1057</v>
      </c>
      <c r="G68" s="151"/>
    </row>
    <row r="69" spans="1:7" x14ac:dyDescent="0.3">
      <c r="A69" s="156" t="s">
        <v>2284</v>
      </c>
      <c r="B69" s="156" t="s">
        <v>876</v>
      </c>
      <c r="C69" s="191" t="s">
        <v>1057</v>
      </c>
      <c r="D69" s="191" t="s">
        <v>1057</v>
      </c>
      <c r="E69" s="173"/>
      <c r="F69" s="191" t="s">
        <v>1057</v>
      </c>
      <c r="G69" s="151"/>
    </row>
    <row r="70" spans="1:7" x14ac:dyDescent="0.3">
      <c r="A70" s="156" t="s">
        <v>2285</v>
      </c>
      <c r="B70" s="156" t="s">
        <v>878</v>
      </c>
      <c r="C70" s="191" t="s">
        <v>1057</v>
      </c>
      <c r="D70" s="191" t="s">
        <v>1057</v>
      </c>
      <c r="E70" s="173"/>
      <c r="F70" s="191" t="s">
        <v>1057</v>
      </c>
      <c r="G70" s="151"/>
    </row>
    <row r="71" spans="1:7" x14ac:dyDescent="0.3">
      <c r="A71" s="156" t="s">
        <v>2286</v>
      </c>
      <c r="B71" s="156" t="s">
        <v>880</v>
      </c>
      <c r="C71" s="191" t="s">
        <v>1057</v>
      </c>
      <c r="D71" s="191" t="s">
        <v>1057</v>
      </c>
      <c r="E71" s="173"/>
      <c r="F71" s="191" t="s">
        <v>1057</v>
      </c>
      <c r="G71" s="151"/>
    </row>
    <row r="72" spans="1:7" x14ac:dyDescent="0.3">
      <c r="A72" s="156" t="s">
        <v>2287</v>
      </c>
      <c r="B72" s="156" t="s">
        <v>882</v>
      </c>
      <c r="C72" s="191" t="s">
        <v>1057</v>
      </c>
      <c r="D72" s="191" t="s">
        <v>1057</v>
      </c>
      <c r="E72" s="173"/>
      <c r="F72" s="191" t="s">
        <v>1057</v>
      </c>
      <c r="G72" s="151"/>
    </row>
    <row r="73" spans="1:7" x14ac:dyDescent="0.3">
      <c r="A73" s="156" t="s">
        <v>2288</v>
      </c>
      <c r="B73" s="156" t="s">
        <v>884</v>
      </c>
      <c r="C73" s="191" t="s">
        <v>1057</v>
      </c>
      <c r="D73" s="191" t="s">
        <v>1057</v>
      </c>
      <c r="E73" s="173"/>
      <c r="F73" s="191" t="s">
        <v>1057</v>
      </c>
      <c r="G73" s="151"/>
    </row>
    <row r="74" spans="1:7" x14ac:dyDescent="0.3">
      <c r="A74" s="156" t="s">
        <v>2289</v>
      </c>
      <c r="B74" s="156" t="s">
        <v>886</v>
      </c>
      <c r="C74" s="191" t="s">
        <v>1057</v>
      </c>
      <c r="D74" s="191" t="s">
        <v>1057</v>
      </c>
      <c r="E74" s="173"/>
      <c r="F74" s="191" t="s">
        <v>1057</v>
      </c>
      <c r="G74" s="151"/>
    </row>
    <row r="75" spans="1:7" x14ac:dyDescent="0.3">
      <c r="A75" s="156" t="s">
        <v>2290</v>
      </c>
      <c r="B75" s="156" t="s">
        <v>888</v>
      </c>
      <c r="C75" s="191" t="s">
        <v>1057</v>
      </c>
      <c r="D75" s="191" t="s">
        <v>1057</v>
      </c>
      <c r="E75" s="173"/>
      <c r="F75" s="191" t="s">
        <v>1057</v>
      </c>
      <c r="G75" s="151"/>
    </row>
    <row r="76" spans="1:7" x14ac:dyDescent="0.3">
      <c r="A76" s="156" t="s">
        <v>2291</v>
      </c>
      <c r="B76" s="156" t="s">
        <v>890</v>
      </c>
      <c r="C76" s="191" t="s">
        <v>1057</v>
      </c>
      <c r="D76" s="191" t="s">
        <v>1057</v>
      </c>
      <c r="E76" s="173"/>
      <c r="F76" s="191" t="s">
        <v>1057</v>
      </c>
      <c r="G76" s="151"/>
    </row>
    <row r="77" spans="1:7" x14ac:dyDescent="0.3">
      <c r="A77" s="156" t="s">
        <v>2292</v>
      </c>
      <c r="B77" s="156" t="s">
        <v>892</v>
      </c>
      <c r="C77" s="191" t="s">
        <v>1057</v>
      </c>
      <c r="D77" s="191" t="s">
        <v>1057</v>
      </c>
      <c r="E77" s="173"/>
      <c r="F77" s="191" t="s">
        <v>1057</v>
      </c>
      <c r="G77" s="151"/>
    </row>
    <row r="78" spans="1:7" x14ac:dyDescent="0.3">
      <c r="A78" s="156" t="s">
        <v>2293</v>
      </c>
      <c r="B78" s="156" t="s">
        <v>894</v>
      </c>
      <c r="C78" s="191" t="s">
        <v>1057</v>
      </c>
      <c r="D78" s="191" t="s">
        <v>1057</v>
      </c>
      <c r="E78" s="173"/>
      <c r="F78" s="191" t="s">
        <v>1057</v>
      </c>
      <c r="G78" s="151"/>
    </row>
    <row r="79" spans="1:7" x14ac:dyDescent="0.3">
      <c r="A79" s="156" t="s">
        <v>2294</v>
      </c>
      <c r="B79" s="156" t="s">
        <v>896</v>
      </c>
      <c r="C79" s="191" t="s">
        <v>1057</v>
      </c>
      <c r="D79" s="191" t="s">
        <v>1057</v>
      </c>
      <c r="E79" s="173"/>
      <c r="F79" s="191" t="s">
        <v>1057</v>
      </c>
      <c r="G79" s="151"/>
    </row>
    <row r="80" spans="1:7" x14ac:dyDescent="0.3">
      <c r="A80" s="156" t="s">
        <v>2295</v>
      </c>
      <c r="B80" s="156" t="s">
        <v>898</v>
      </c>
      <c r="C80" s="191" t="s">
        <v>1057</v>
      </c>
      <c r="D80" s="191" t="s">
        <v>1057</v>
      </c>
      <c r="E80" s="173"/>
      <c r="F80" s="191" t="s">
        <v>1057</v>
      </c>
      <c r="G80" s="151"/>
    </row>
    <row r="81" spans="1:7" x14ac:dyDescent="0.3">
      <c r="A81" s="156" t="s">
        <v>2296</v>
      </c>
      <c r="B81" s="156" t="s">
        <v>900</v>
      </c>
      <c r="C81" s="191" t="s">
        <v>1057</v>
      </c>
      <c r="D81" s="191" t="s">
        <v>1057</v>
      </c>
      <c r="E81" s="173"/>
      <c r="F81" s="191" t="s">
        <v>1057</v>
      </c>
      <c r="G81" s="151"/>
    </row>
    <row r="82" spans="1:7" x14ac:dyDescent="0.3">
      <c r="A82" s="156" t="s">
        <v>2297</v>
      </c>
      <c r="B82" s="156" t="s">
        <v>902</v>
      </c>
      <c r="C82" s="191" t="s">
        <v>1057</v>
      </c>
      <c r="D82" s="191" t="s">
        <v>1057</v>
      </c>
      <c r="E82" s="173"/>
      <c r="F82" s="191" t="s">
        <v>1057</v>
      </c>
      <c r="G82" s="151"/>
    </row>
    <row r="83" spans="1:7" x14ac:dyDescent="0.3">
      <c r="A83" s="156" t="s">
        <v>2298</v>
      </c>
      <c r="B83" s="156" t="s">
        <v>904</v>
      </c>
      <c r="C83" s="191" t="s">
        <v>1057</v>
      </c>
      <c r="D83" s="191" t="s">
        <v>1057</v>
      </c>
      <c r="E83" s="173"/>
      <c r="F83" s="191" t="s">
        <v>1057</v>
      </c>
      <c r="G83" s="151"/>
    </row>
    <row r="84" spans="1:7" x14ac:dyDescent="0.3">
      <c r="A84" s="156" t="s">
        <v>2299</v>
      </c>
      <c r="B84" s="156" t="s">
        <v>906</v>
      </c>
      <c r="C84" s="191" t="s">
        <v>1057</v>
      </c>
      <c r="D84" s="191" t="s">
        <v>1057</v>
      </c>
      <c r="E84" s="173"/>
      <c r="F84" s="191" t="s">
        <v>1057</v>
      </c>
      <c r="G84" s="151"/>
    </row>
    <row r="85" spans="1:7" x14ac:dyDescent="0.3">
      <c r="A85" s="156" t="s">
        <v>2300</v>
      </c>
      <c r="B85" s="156" t="s">
        <v>908</v>
      </c>
      <c r="C85" s="191" t="s">
        <v>1057</v>
      </c>
      <c r="D85" s="191" t="s">
        <v>1057</v>
      </c>
      <c r="E85" s="173"/>
      <c r="F85" s="191" t="s">
        <v>1057</v>
      </c>
      <c r="G85" s="151"/>
    </row>
    <row r="86" spans="1:7" x14ac:dyDescent="0.3">
      <c r="A86" s="156" t="s">
        <v>2301</v>
      </c>
      <c r="B86" s="156" t="s">
        <v>910</v>
      </c>
      <c r="C86" s="191" t="s">
        <v>1057</v>
      </c>
      <c r="D86" s="191" t="s">
        <v>1057</v>
      </c>
      <c r="E86" s="173"/>
      <c r="F86" s="191" t="s">
        <v>1057</v>
      </c>
      <c r="G86" s="151"/>
    </row>
    <row r="87" spans="1:7" x14ac:dyDescent="0.3">
      <c r="A87" s="156" t="s">
        <v>2302</v>
      </c>
      <c r="B87" s="156" t="s">
        <v>912</v>
      </c>
      <c r="C87" s="191" t="s">
        <v>1057</v>
      </c>
      <c r="D87" s="191" t="s">
        <v>1057</v>
      </c>
      <c r="E87" s="173"/>
      <c r="F87" s="191" t="s">
        <v>1057</v>
      </c>
      <c r="G87" s="151"/>
    </row>
    <row r="88" spans="1:7" x14ac:dyDescent="0.3">
      <c r="A88" s="156" t="s">
        <v>2303</v>
      </c>
      <c r="B88" s="156" t="s">
        <v>914</v>
      </c>
      <c r="C88" s="191" t="s">
        <v>1057</v>
      </c>
      <c r="D88" s="191" t="s">
        <v>1057</v>
      </c>
      <c r="E88" s="173"/>
      <c r="F88" s="191" t="s">
        <v>1057</v>
      </c>
      <c r="G88" s="151"/>
    </row>
    <row r="89" spans="1:7" x14ac:dyDescent="0.3">
      <c r="A89" s="156" t="s">
        <v>2304</v>
      </c>
      <c r="B89" s="156" t="s">
        <v>916</v>
      </c>
      <c r="C89" s="191" t="s">
        <v>1057</v>
      </c>
      <c r="D89" s="191" t="s">
        <v>1057</v>
      </c>
      <c r="E89" s="173"/>
      <c r="F89" s="191" t="s">
        <v>1057</v>
      </c>
      <c r="G89" s="151"/>
    </row>
    <row r="90" spans="1:7" x14ac:dyDescent="0.3">
      <c r="A90" s="156" t="s">
        <v>2305</v>
      </c>
      <c r="B90" s="156" t="s">
        <v>918</v>
      </c>
      <c r="C90" s="191" t="s">
        <v>1057</v>
      </c>
      <c r="D90" s="191" t="s">
        <v>1057</v>
      </c>
      <c r="E90" s="173"/>
      <c r="F90" s="191" t="s">
        <v>1057</v>
      </c>
      <c r="G90" s="151"/>
    </row>
    <row r="91" spans="1:7" x14ac:dyDescent="0.3">
      <c r="A91" s="156" t="s">
        <v>2306</v>
      </c>
      <c r="B91" s="156" t="s">
        <v>920</v>
      </c>
      <c r="C91" s="191" t="s">
        <v>1057</v>
      </c>
      <c r="D91" s="191" t="s">
        <v>1057</v>
      </c>
      <c r="E91" s="173"/>
      <c r="F91" s="191" t="s">
        <v>1057</v>
      </c>
      <c r="G91" s="151"/>
    </row>
    <row r="92" spans="1:7" x14ac:dyDescent="0.3">
      <c r="A92" s="156" t="s">
        <v>2307</v>
      </c>
      <c r="B92" s="156" t="s">
        <v>922</v>
      </c>
      <c r="C92" s="191" t="s">
        <v>1057</v>
      </c>
      <c r="D92" s="191" t="s">
        <v>1057</v>
      </c>
      <c r="E92" s="173"/>
      <c r="F92" s="191" t="s">
        <v>1057</v>
      </c>
      <c r="G92" s="151"/>
    </row>
    <row r="93" spans="1:7" x14ac:dyDescent="0.3">
      <c r="A93" s="156" t="s">
        <v>2308</v>
      </c>
      <c r="B93" s="156" t="s">
        <v>286</v>
      </c>
      <c r="C93" s="191" t="s">
        <v>1057</v>
      </c>
      <c r="D93" s="191" t="s">
        <v>1057</v>
      </c>
      <c r="E93" s="173"/>
      <c r="F93" s="191" t="s">
        <v>1057</v>
      </c>
      <c r="G93" s="151"/>
    </row>
    <row r="94" spans="1:7" x14ac:dyDescent="0.3">
      <c r="A94" s="156" t="s">
        <v>2309</v>
      </c>
      <c r="B94" s="107" t="s">
        <v>565</v>
      </c>
      <c r="C94" s="189">
        <f>SUM(C95:C97)</f>
        <v>0</v>
      </c>
      <c r="D94" s="189">
        <f>SUM(D95:D97)</f>
        <v>0</v>
      </c>
      <c r="E94" s="189"/>
      <c r="F94" s="189">
        <f>SUM(F95:F97)</f>
        <v>0</v>
      </c>
      <c r="G94" s="151"/>
    </row>
    <row r="95" spans="1:7" x14ac:dyDescent="0.3">
      <c r="A95" s="156" t="s">
        <v>2310</v>
      </c>
      <c r="B95" s="156" t="s">
        <v>926</v>
      </c>
      <c r="C95" s="191" t="s">
        <v>1057</v>
      </c>
      <c r="D95" s="191" t="s">
        <v>1057</v>
      </c>
      <c r="E95" s="173"/>
      <c r="F95" s="191" t="s">
        <v>1057</v>
      </c>
      <c r="G95" s="151"/>
    </row>
    <row r="96" spans="1:7" x14ac:dyDescent="0.3">
      <c r="A96" s="156" t="s">
        <v>2311</v>
      </c>
      <c r="B96" s="156" t="s">
        <v>928</v>
      </c>
      <c r="C96" s="191" t="s">
        <v>1057</v>
      </c>
      <c r="D96" s="191" t="s">
        <v>1057</v>
      </c>
      <c r="E96" s="173"/>
      <c r="F96" s="191" t="s">
        <v>1057</v>
      </c>
      <c r="G96" s="151"/>
    </row>
    <row r="97" spans="1:7" x14ac:dyDescent="0.3">
      <c r="A97" s="156" t="s">
        <v>2312</v>
      </c>
      <c r="B97" s="156" t="s">
        <v>930</v>
      </c>
      <c r="C97" s="191" t="s">
        <v>1057</v>
      </c>
      <c r="D97" s="191" t="s">
        <v>1057</v>
      </c>
      <c r="E97" s="173"/>
      <c r="F97" s="191" t="s">
        <v>1057</v>
      </c>
      <c r="G97" s="151"/>
    </row>
    <row r="98" spans="1:7" x14ac:dyDescent="0.3">
      <c r="A98" s="156" t="s">
        <v>2313</v>
      </c>
      <c r="B98" s="107" t="s">
        <v>364</v>
      </c>
      <c r="C98" s="189">
        <f>SUM(C99:C109)</f>
        <v>0</v>
      </c>
      <c r="D98" s="189">
        <f>SUM(D99:D109)</f>
        <v>0</v>
      </c>
      <c r="E98" s="189"/>
      <c r="F98" s="189">
        <f>SUM(F99:F109)</f>
        <v>0</v>
      </c>
      <c r="G98" s="151"/>
    </row>
    <row r="99" spans="1:7" x14ac:dyDescent="0.3">
      <c r="A99" s="156" t="s">
        <v>2314</v>
      </c>
      <c r="B99" s="151" t="s">
        <v>567</v>
      </c>
      <c r="C99" s="191" t="s">
        <v>1057</v>
      </c>
      <c r="D99" s="191" t="s">
        <v>1057</v>
      </c>
      <c r="E99" s="173"/>
      <c r="F99" s="191" t="s">
        <v>1057</v>
      </c>
      <c r="G99" s="151"/>
    </row>
    <row r="100" spans="1:7" x14ac:dyDescent="0.3">
      <c r="A100" s="156" t="s">
        <v>2315</v>
      </c>
      <c r="B100" s="156" t="s">
        <v>934</v>
      </c>
      <c r="C100" s="191" t="s">
        <v>1057</v>
      </c>
      <c r="D100" s="191" t="s">
        <v>1057</v>
      </c>
      <c r="E100" s="173"/>
      <c r="F100" s="191" t="s">
        <v>1057</v>
      </c>
      <c r="G100" s="151"/>
    </row>
    <row r="101" spans="1:7" x14ac:dyDescent="0.3">
      <c r="A101" s="156" t="s">
        <v>2316</v>
      </c>
      <c r="B101" s="151" t="s">
        <v>569</v>
      </c>
      <c r="C101" s="191" t="s">
        <v>1057</v>
      </c>
      <c r="D101" s="191" t="s">
        <v>1057</v>
      </c>
      <c r="E101" s="173"/>
      <c r="F101" s="191" t="s">
        <v>1057</v>
      </c>
      <c r="G101" s="151"/>
    </row>
    <row r="102" spans="1:7" x14ac:dyDescent="0.3">
      <c r="A102" s="156" t="s">
        <v>2317</v>
      </c>
      <c r="B102" s="151" t="s">
        <v>571</v>
      </c>
      <c r="C102" s="191" t="s">
        <v>1057</v>
      </c>
      <c r="D102" s="191" t="s">
        <v>1057</v>
      </c>
      <c r="E102" s="173"/>
      <c r="F102" s="191" t="s">
        <v>1057</v>
      </c>
      <c r="G102" s="151"/>
    </row>
    <row r="103" spans="1:7" x14ac:dyDescent="0.3">
      <c r="A103" s="156" t="s">
        <v>2318</v>
      </c>
      <c r="B103" s="151" t="s">
        <v>573</v>
      </c>
      <c r="C103" s="191" t="s">
        <v>1057</v>
      </c>
      <c r="D103" s="191" t="s">
        <v>1057</v>
      </c>
      <c r="E103" s="173"/>
      <c r="F103" s="191" t="s">
        <v>1057</v>
      </c>
      <c r="G103" s="151"/>
    </row>
    <row r="104" spans="1:7" x14ac:dyDescent="0.3">
      <c r="A104" s="156" t="s">
        <v>2319</v>
      </c>
      <c r="B104" s="151" t="s">
        <v>575</v>
      </c>
      <c r="C104" s="191" t="s">
        <v>1057</v>
      </c>
      <c r="D104" s="191" t="s">
        <v>1057</v>
      </c>
      <c r="E104" s="173"/>
      <c r="F104" s="191" t="s">
        <v>1057</v>
      </c>
      <c r="G104" s="151"/>
    </row>
    <row r="105" spans="1:7" x14ac:dyDescent="0.3">
      <c r="A105" s="156" t="s">
        <v>2320</v>
      </c>
      <c r="B105" s="151" t="s">
        <v>577</v>
      </c>
      <c r="C105" s="191" t="s">
        <v>1057</v>
      </c>
      <c r="D105" s="191" t="s">
        <v>1057</v>
      </c>
      <c r="E105" s="173"/>
      <c r="F105" s="191" t="s">
        <v>1057</v>
      </c>
      <c r="G105" s="151"/>
    </row>
    <row r="106" spans="1:7" x14ac:dyDescent="0.3">
      <c r="A106" s="156" t="s">
        <v>2321</v>
      </c>
      <c r="B106" s="151" t="s">
        <v>579</v>
      </c>
      <c r="C106" s="191" t="s">
        <v>1057</v>
      </c>
      <c r="D106" s="191" t="s">
        <v>1057</v>
      </c>
      <c r="E106" s="173"/>
      <c r="F106" s="191" t="s">
        <v>1057</v>
      </c>
      <c r="G106" s="151"/>
    </row>
    <row r="107" spans="1:7" x14ac:dyDescent="0.3">
      <c r="A107" s="156" t="s">
        <v>2322</v>
      </c>
      <c r="B107" s="151" t="s">
        <v>581</v>
      </c>
      <c r="C107" s="191" t="s">
        <v>1057</v>
      </c>
      <c r="D107" s="191" t="s">
        <v>1057</v>
      </c>
      <c r="E107" s="173"/>
      <c r="F107" s="191" t="s">
        <v>1057</v>
      </c>
      <c r="G107" s="151"/>
    </row>
    <row r="108" spans="1:7" x14ac:dyDescent="0.3">
      <c r="A108" s="156" t="s">
        <v>2323</v>
      </c>
      <c r="B108" s="151" t="s">
        <v>583</v>
      </c>
      <c r="C108" s="191" t="s">
        <v>1057</v>
      </c>
      <c r="D108" s="191" t="s">
        <v>1057</v>
      </c>
      <c r="E108" s="173"/>
      <c r="F108" s="191" t="s">
        <v>1057</v>
      </c>
      <c r="G108" s="151"/>
    </row>
    <row r="109" spans="1:7" x14ac:dyDescent="0.3">
      <c r="A109" s="156" t="s">
        <v>2324</v>
      </c>
      <c r="B109" s="151" t="s">
        <v>364</v>
      </c>
      <c r="C109" s="191" t="s">
        <v>1057</v>
      </c>
      <c r="D109" s="191" t="s">
        <v>1057</v>
      </c>
      <c r="E109" s="173"/>
      <c r="F109" s="191" t="s">
        <v>1057</v>
      </c>
      <c r="G109" s="151"/>
    </row>
    <row r="110" spans="1:7" x14ac:dyDescent="0.3">
      <c r="A110" s="156" t="s">
        <v>2325</v>
      </c>
      <c r="B110" s="127" t="s">
        <v>368</v>
      </c>
      <c r="C110" s="191"/>
      <c r="D110" s="191"/>
      <c r="E110" s="173"/>
      <c r="F110" s="191"/>
      <c r="G110" s="151"/>
    </row>
    <row r="111" spans="1:7" x14ac:dyDescent="0.3">
      <c r="A111" s="156" t="s">
        <v>2326</v>
      </c>
      <c r="B111" s="127" t="s">
        <v>368</v>
      </c>
      <c r="C111" s="191"/>
      <c r="D111" s="191"/>
      <c r="E111" s="173"/>
      <c r="F111" s="191"/>
      <c r="G111" s="151"/>
    </row>
    <row r="112" spans="1:7" x14ac:dyDescent="0.3">
      <c r="A112" s="156" t="s">
        <v>2327</v>
      </c>
      <c r="B112" s="127" t="s">
        <v>368</v>
      </c>
      <c r="C112" s="191"/>
      <c r="D112" s="191"/>
      <c r="E112" s="173"/>
      <c r="F112" s="191"/>
      <c r="G112" s="151"/>
    </row>
    <row r="113" spans="1:7" x14ac:dyDescent="0.3">
      <c r="A113" s="156" t="s">
        <v>2328</v>
      </c>
      <c r="B113" s="127" t="s">
        <v>368</v>
      </c>
      <c r="C113" s="191"/>
      <c r="D113" s="191"/>
      <c r="E113" s="173"/>
      <c r="F113" s="191"/>
      <c r="G113" s="151"/>
    </row>
    <row r="114" spans="1:7" x14ac:dyDescent="0.3">
      <c r="A114" s="156" t="s">
        <v>2329</v>
      </c>
      <c r="B114" s="127" t="s">
        <v>368</v>
      </c>
      <c r="C114" s="191"/>
      <c r="D114" s="191"/>
      <c r="E114" s="173"/>
      <c r="F114" s="191"/>
      <c r="G114" s="151"/>
    </row>
    <row r="115" spans="1:7" x14ac:dyDescent="0.3">
      <c r="A115" s="156" t="s">
        <v>2330</v>
      </c>
      <c r="B115" s="127" t="s">
        <v>368</v>
      </c>
      <c r="C115" s="191"/>
      <c r="D115" s="191"/>
      <c r="E115" s="173"/>
      <c r="F115" s="191"/>
      <c r="G115" s="151"/>
    </row>
    <row r="116" spans="1:7" x14ac:dyDescent="0.3">
      <c r="A116" s="156" t="s">
        <v>2331</v>
      </c>
      <c r="B116" s="127" t="s">
        <v>368</v>
      </c>
      <c r="C116" s="191"/>
      <c r="D116" s="191"/>
      <c r="E116" s="173"/>
      <c r="F116" s="191"/>
      <c r="G116" s="151"/>
    </row>
    <row r="117" spans="1:7" x14ac:dyDescent="0.3">
      <c r="A117" s="156" t="s">
        <v>2332</v>
      </c>
      <c r="B117" s="127" t="s">
        <v>368</v>
      </c>
      <c r="C117" s="191"/>
      <c r="D117" s="191"/>
      <c r="E117" s="173"/>
      <c r="F117" s="191"/>
      <c r="G117" s="151"/>
    </row>
    <row r="118" spans="1:7" x14ac:dyDescent="0.3">
      <c r="A118" s="156" t="s">
        <v>2333</v>
      </c>
      <c r="B118" s="127" t="s">
        <v>368</v>
      </c>
      <c r="C118" s="191"/>
      <c r="D118" s="191"/>
      <c r="E118" s="173"/>
      <c r="F118" s="191"/>
      <c r="G118" s="151"/>
    </row>
    <row r="119" spans="1:7" x14ac:dyDescent="0.3">
      <c r="A119" s="156" t="s">
        <v>2334</v>
      </c>
      <c r="B119" s="127" t="s">
        <v>368</v>
      </c>
      <c r="C119" s="191"/>
      <c r="D119" s="191"/>
      <c r="E119" s="173"/>
      <c r="F119" s="191"/>
      <c r="G119" s="151"/>
    </row>
    <row r="120" spans="1:7" x14ac:dyDescent="0.3">
      <c r="A120" s="103"/>
      <c r="B120" s="103" t="s">
        <v>954</v>
      </c>
      <c r="C120" s="103" t="s">
        <v>858</v>
      </c>
      <c r="D120" s="103" t="s">
        <v>859</v>
      </c>
      <c r="E120" s="103"/>
      <c r="F120" s="103" t="s">
        <v>823</v>
      </c>
      <c r="G120" s="103"/>
    </row>
    <row r="121" spans="1:7" x14ac:dyDescent="0.3">
      <c r="A121" s="156" t="s">
        <v>2335</v>
      </c>
      <c r="B121" s="136" t="s">
        <v>1205</v>
      </c>
      <c r="C121" s="191" t="s">
        <v>1057</v>
      </c>
      <c r="D121" s="191" t="s">
        <v>1057</v>
      </c>
      <c r="E121" s="173"/>
      <c r="F121" s="191" t="s">
        <v>1057</v>
      </c>
      <c r="G121" s="151"/>
    </row>
    <row r="122" spans="1:7" x14ac:dyDescent="0.3">
      <c r="A122" s="156" t="s">
        <v>2336</v>
      </c>
      <c r="B122" s="136" t="s">
        <v>1205</v>
      </c>
      <c r="C122" s="191" t="s">
        <v>1057</v>
      </c>
      <c r="D122" s="191" t="s">
        <v>1057</v>
      </c>
      <c r="E122" s="173"/>
      <c r="F122" s="191" t="s">
        <v>1057</v>
      </c>
      <c r="G122" s="151"/>
    </row>
    <row r="123" spans="1:7" x14ac:dyDescent="0.3">
      <c r="A123" s="156" t="s">
        <v>2337</v>
      </c>
      <c r="B123" s="136" t="s">
        <v>1205</v>
      </c>
      <c r="C123" s="191" t="s">
        <v>1057</v>
      </c>
      <c r="D123" s="191" t="s">
        <v>1057</v>
      </c>
      <c r="E123" s="173"/>
      <c r="F123" s="191" t="s">
        <v>1057</v>
      </c>
      <c r="G123" s="151"/>
    </row>
    <row r="124" spans="1:7" x14ac:dyDescent="0.3">
      <c r="A124" s="156" t="s">
        <v>2338</v>
      </c>
      <c r="B124" s="136" t="s">
        <v>1205</v>
      </c>
      <c r="C124" s="191" t="s">
        <v>1057</v>
      </c>
      <c r="D124" s="191" t="s">
        <v>1057</v>
      </c>
      <c r="E124" s="173"/>
      <c r="F124" s="191" t="s">
        <v>1057</v>
      </c>
      <c r="G124" s="151"/>
    </row>
    <row r="125" spans="1:7" x14ac:dyDescent="0.3">
      <c r="A125" s="156" t="s">
        <v>2339</v>
      </c>
      <c r="B125" s="136" t="s">
        <v>1205</v>
      </c>
      <c r="C125" s="191" t="s">
        <v>1057</v>
      </c>
      <c r="D125" s="191" t="s">
        <v>1057</v>
      </c>
      <c r="E125" s="173"/>
      <c r="F125" s="191" t="s">
        <v>1057</v>
      </c>
      <c r="G125" s="151"/>
    </row>
    <row r="126" spans="1:7" x14ac:dyDescent="0.3">
      <c r="A126" s="156" t="s">
        <v>2340</v>
      </c>
      <c r="B126" s="136" t="s">
        <v>1205</v>
      </c>
      <c r="C126" s="191" t="s">
        <v>1057</v>
      </c>
      <c r="D126" s="191" t="s">
        <v>1057</v>
      </c>
      <c r="E126" s="173"/>
      <c r="F126" s="191" t="s">
        <v>1057</v>
      </c>
      <c r="G126" s="151"/>
    </row>
    <row r="127" spans="1:7" x14ac:dyDescent="0.3">
      <c r="A127" s="156" t="s">
        <v>2341</v>
      </c>
      <c r="B127" s="136" t="s">
        <v>1205</v>
      </c>
      <c r="C127" s="191" t="s">
        <v>1057</v>
      </c>
      <c r="D127" s="191" t="s">
        <v>1057</v>
      </c>
      <c r="E127" s="173"/>
      <c r="F127" s="191" t="s">
        <v>1057</v>
      </c>
      <c r="G127" s="151"/>
    </row>
    <row r="128" spans="1:7" x14ac:dyDescent="0.3">
      <c r="A128" s="156" t="s">
        <v>2342</v>
      </c>
      <c r="B128" s="136" t="s">
        <v>1205</v>
      </c>
      <c r="C128" s="191" t="s">
        <v>1057</v>
      </c>
      <c r="D128" s="191" t="s">
        <v>1057</v>
      </c>
      <c r="E128" s="173"/>
      <c r="F128" s="191" t="s">
        <v>1057</v>
      </c>
      <c r="G128" s="151"/>
    </row>
    <row r="129" spans="1:7" x14ac:dyDescent="0.3">
      <c r="A129" s="156" t="s">
        <v>2343</v>
      </c>
      <c r="B129" s="136" t="s">
        <v>1205</v>
      </c>
      <c r="C129" s="191" t="s">
        <v>1057</v>
      </c>
      <c r="D129" s="191" t="s">
        <v>1057</v>
      </c>
      <c r="E129" s="173"/>
      <c r="F129" s="191" t="s">
        <v>1057</v>
      </c>
      <c r="G129" s="151"/>
    </row>
    <row r="130" spans="1:7" x14ac:dyDescent="0.3">
      <c r="A130" s="156" t="s">
        <v>2344</v>
      </c>
      <c r="B130" s="136" t="s">
        <v>1205</v>
      </c>
      <c r="C130" s="191" t="s">
        <v>1057</v>
      </c>
      <c r="D130" s="191" t="s">
        <v>1057</v>
      </c>
      <c r="E130" s="173"/>
      <c r="F130" s="191" t="s">
        <v>1057</v>
      </c>
      <c r="G130" s="151"/>
    </row>
    <row r="131" spans="1:7" x14ac:dyDescent="0.3">
      <c r="A131" s="156" t="s">
        <v>2345</v>
      </c>
      <c r="B131" s="136" t="s">
        <v>1205</v>
      </c>
      <c r="C131" s="191" t="s">
        <v>1057</v>
      </c>
      <c r="D131" s="191" t="s">
        <v>1057</v>
      </c>
      <c r="E131" s="173"/>
      <c r="F131" s="191" t="s">
        <v>1057</v>
      </c>
      <c r="G131" s="151"/>
    </row>
    <row r="132" spans="1:7" x14ac:dyDescent="0.3">
      <c r="A132" s="156" t="s">
        <v>2346</v>
      </c>
      <c r="B132" s="136" t="s">
        <v>1205</v>
      </c>
      <c r="C132" s="191" t="s">
        <v>1057</v>
      </c>
      <c r="D132" s="191" t="s">
        <v>1057</v>
      </c>
      <c r="E132" s="173"/>
      <c r="F132" s="191" t="s">
        <v>1057</v>
      </c>
      <c r="G132" s="151"/>
    </row>
    <row r="133" spans="1:7" x14ac:dyDescent="0.3">
      <c r="A133" s="156" t="s">
        <v>2347</v>
      </c>
      <c r="B133" s="136" t="s">
        <v>1205</v>
      </c>
      <c r="C133" s="191" t="s">
        <v>1057</v>
      </c>
      <c r="D133" s="191" t="s">
        <v>1057</v>
      </c>
      <c r="E133" s="173"/>
      <c r="F133" s="191" t="s">
        <v>1057</v>
      </c>
      <c r="G133" s="151"/>
    </row>
    <row r="134" spans="1:7" x14ac:dyDescent="0.3">
      <c r="A134" s="156" t="s">
        <v>2348</v>
      </c>
      <c r="B134" s="136" t="s">
        <v>1205</v>
      </c>
      <c r="C134" s="191" t="s">
        <v>1057</v>
      </c>
      <c r="D134" s="191" t="s">
        <v>1057</v>
      </c>
      <c r="E134" s="173"/>
      <c r="F134" s="191" t="s">
        <v>1057</v>
      </c>
      <c r="G134" s="151"/>
    </row>
    <row r="135" spans="1:7" x14ac:dyDescent="0.3">
      <c r="A135" s="156" t="s">
        <v>2349</v>
      </c>
      <c r="B135" s="136" t="s">
        <v>1205</v>
      </c>
      <c r="C135" s="191" t="s">
        <v>1057</v>
      </c>
      <c r="D135" s="191" t="s">
        <v>1057</v>
      </c>
      <c r="E135" s="173"/>
      <c r="F135" s="191" t="s">
        <v>1057</v>
      </c>
      <c r="G135" s="151"/>
    </row>
    <row r="136" spans="1:7" x14ac:dyDescent="0.3">
      <c r="A136" s="156" t="s">
        <v>2350</v>
      </c>
      <c r="B136" s="136" t="s">
        <v>1205</v>
      </c>
      <c r="C136" s="191" t="s">
        <v>1057</v>
      </c>
      <c r="D136" s="191" t="s">
        <v>1057</v>
      </c>
      <c r="E136" s="173"/>
      <c r="F136" s="191" t="s">
        <v>1057</v>
      </c>
      <c r="G136" s="151"/>
    </row>
    <row r="137" spans="1:7" x14ac:dyDescent="0.3">
      <c r="A137" s="156" t="s">
        <v>2351</v>
      </c>
      <c r="B137" s="136" t="s">
        <v>1205</v>
      </c>
      <c r="C137" s="191" t="s">
        <v>1057</v>
      </c>
      <c r="D137" s="191" t="s">
        <v>1057</v>
      </c>
      <c r="E137" s="173"/>
      <c r="F137" s="191" t="s">
        <v>1057</v>
      </c>
      <c r="G137" s="151"/>
    </row>
    <row r="138" spans="1:7" x14ac:dyDescent="0.3">
      <c r="A138" s="156" t="s">
        <v>2352</v>
      </c>
      <c r="B138" s="136" t="s">
        <v>1205</v>
      </c>
      <c r="C138" s="191" t="s">
        <v>1057</v>
      </c>
      <c r="D138" s="191" t="s">
        <v>1057</v>
      </c>
      <c r="E138" s="173"/>
      <c r="F138" s="191" t="s">
        <v>1057</v>
      </c>
      <c r="G138" s="151"/>
    </row>
    <row r="139" spans="1:7" x14ac:dyDescent="0.3">
      <c r="A139" s="156" t="s">
        <v>2353</v>
      </c>
      <c r="B139" s="136" t="s">
        <v>1205</v>
      </c>
      <c r="C139" s="191" t="s">
        <v>1057</v>
      </c>
      <c r="D139" s="191" t="s">
        <v>1057</v>
      </c>
      <c r="E139" s="173"/>
      <c r="F139" s="191" t="s">
        <v>1057</v>
      </c>
      <c r="G139" s="151"/>
    </row>
    <row r="140" spans="1:7" x14ac:dyDescent="0.3">
      <c r="A140" s="156" t="s">
        <v>2354</v>
      </c>
      <c r="B140" s="136" t="s">
        <v>1205</v>
      </c>
      <c r="C140" s="191" t="s">
        <v>1057</v>
      </c>
      <c r="D140" s="191" t="s">
        <v>1057</v>
      </c>
      <c r="E140" s="173"/>
      <c r="F140" s="191" t="s">
        <v>1057</v>
      </c>
      <c r="G140" s="151"/>
    </row>
    <row r="141" spans="1:7" x14ac:dyDescent="0.3">
      <c r="A141" s="156" t="s">
        <v>2355</v>
      </c>
      <c r="B141" s="136" t="s">
        <v>1205</v>
      </c>
      <c r="C141" s="191" t="s">
        <v>1057</v>
      </c>
      <c r="D141" s="191" t="s">
        <v>1057</v>
      </c>
      <c r="E141" s="173"/>
      <c r="F141" s="191" t="s">
        <v>1057</v>
      </c>
      <c r="G141" s="151"/>
    </row>
    <row r="142" spans="1:7" x14ac:dyDescent="0.3">
      <c r="A142" s="156" t="s">
        <v>2356</v>
      </c>
      <c r="B142" s="136" t="s">
        <v>1205</v>
      </c>
      <c r="C142" s="191" t="s">
        <v>1057</v>
      </c>
      <c r="D142" s="191" t="s">
        <v>1057</v>
      </c>
      <c r="E142" s="173"/>
      <c r="F142" s="191" t="s">
        <v>1057</v>
      </c>
      <c r="G142" s="151"/>
    </row>
    <row r="143" spans="1:7" x14ac:dyDescent="0.3">
      <c r="A143" s="156" t="s">
        <v>2357</v>
      </c>
      <c r="B143" s="136" t="s">
        <v>1205</v>
      </c>
      <c r="C143" s="191" t="s">
        <v>1057</v>
      </c>
      <c r="D143" s="191" t="s">
        <v>1057</v>
      </c>
      <c r="E143" s="173"/>
      <c r="F143" s="191" t="s">
        <v>1057</v>
      </c>
      <c r="G143" s="151"/>
    </row>
    <row r="144" spans="1:7" x14ac:dyDescent="0.3">
      <c r="A144" s="156" t="s">
        <v>2358</v>
      </c>
      <c r="B144" s="136" t="s">
        <v>1205</v>
      </c>
      <c r="C144" s="191" t="s">
        <v>1057</v>
      </c>
      <c r="D144" s="191" t="s">
        <v>1057</v>
      </c>
      <c r="E144" s="173"/>
      <c r="F144" s="191" t="s">
        <v>1057</v>
      </c>
      <c r="G144" s="151"/>
    </row>
    <row r="145" spans="1:7" x14ac:dyDescent="0.3">
      <c r="A145" s="156" t="s">
        <v>2359</v>
      </c>
      <c r="B145" s="136" t="s">
        <v>1205</v>
      </c>
      <c r="C145" s="191" t="s">
        <v>1057</v>
      </c>
      <c r="D145" s="191" t="s">
        <v>1057</v>
      </c>
      <c r="E145" s="173"/>
      <c r="F145" s="191" t="s">
        <v>1057</v>
      </c>
      <c r="G145" s="151"/>
    </row>
    <row r="146" spans="1:7" x14ac:dyDescent="0.3">
      <c r="A146" s="156" t="s">
        <v>2360</v>
      </c>
      <c r="B146" s="136" t="s">
        <v>1205</v>
      </c>
      <c r="C146" s="191" t="s">
        <v>1057</v>
      </c>
      <c r="D146" s="191" t="s">
        <v>1057</v>
      </c>
      <c r="E146" s="173"/>
      <c r="F146" s="191" t="s">
        <v>1057</v>
      </c>
      <c r="G146" s="151"/>
    </row>
    <row r="147" spans="1:7" x14ac:dyDescent="0.3">
      <c r="A147" s="156" t="s">
        <v>2361</v>
      </c>
      <c r="B147" s="136" t="s">
        <v>1205</v>
      </c>
      <c r="C147" s="191" t="s">
        <v>1057</v>
      </c>
      <c r="D147" s="191" t="s">
        <v>1057</v>
      </c>
      <c r="E147" s="173"/>
      <c r="F147" s="191" t="s">
        <v>1057</v>
      </c>
      <c r="G147" s="151"/>
    </row>
    <row r="148" spans="1:7" x14ac:dyDescent="0.3">
      <c r="A148" s="156" t="s">
        <v>2362</v>
      </c>
      <c r="B148" s="136" t="s">
        <v>1205</v>
      </c>
      <c r="C148" s="191" t="s">
        <v>1057</v>
      </c>
      <c r="D148" s="191" t="s">
        <v>1057</v>
      </c>
      <c r="E148" s="173"/>
      <c r="F148" s="191" t="s">
        <v>1057</v>
      </c>
      <c r="G148" s="151"/>
    </row>
    <row r="149" spans="1:7" x14ac:dyDescent="0.3">
      <c r="A149" s="156" t="s">
        <v>2363</v>
      </c>
      <c r="B149" s="136" t="s">
        <v>1205</v>
      </c>
      <c r="C149" s="191" t="s">
        <v>1057</v>
      </c>
      <c r="D149" s="191" t="s">
        <v>1057</v>
      </c>
      <c r="E149" s="173"/>
      <c r="F149" s="191" t="s">
        <v>1057</v>
      </c>
      <c r="G149" s="151"/>
    </row>
    <row r="150" spans="1:7" x14ac:dyDescent="0.3">
      <c r="A150" s="156" t="s">
        <v>2364</v>
      </c>
      <c r="B150" s="136" t="s">
        <v>1205</v>
      </c>
      <c r="C150" s="191" t="s">
        <v>1057</v>
      </c>
      <c r="D150" s="191" t="s">
        <v>1057</v>
      </c>
      <c r="E150" s="173"/>
      <c r="F150" s="191" t="s">
        <v>1057</v>
      </c>
      <c r="G150" s="151"/>
    </row>
    <row r="151" spans="1:7" x14ac:dyDescent="0.3">
      <c r="A151" s="156" t="s">
        <v>2365</v>
      </c>
      <c r="B151" s="136" t="s">
        <v>1205</v>
      </c>
      <c r="C151" s="191" t="s">
        <v>1057</v>
      </c>
      <c r="D151" s="191" t="s">
        <v>1057</v>
      </c>
      <c r="E151" s="173"/>
      <c r="F151" s="191" t="s">
        <v>1057</v>
      </c>
      <c r="G151" s="151"/>
    </row>
    <row r="152" spans="1:7" x14ac:dyDescent="0.3">
      <c r="A152" s="156" t="s">
        <v>2366</v>
      </c>
      <c r="B152" s="136" t="s">
        <v>1205</v>
      </c>
      <c r="C152" s="191" t="s">
        <v>1057</v>
      </c>
      <c r="D152" s="191" t="s">
        <v>1057</v>
      </c>
      <c r="E152" s="173"/>
      <c r="F152" s="191" t="s">
        <v>1057</v>
      </c>
      <c r="G152" s="151"/>
    </row>
    <row r="153" spans="1:7" x14ac:dyDescent="0.3">
      <c r="A153" s="156" t="s">
        <v>2367</v>
      </c>
      <c r="B153" s="136" t="s">
        <v>1205</v>
      </c>
      <c r="C153" s="191" t="s">
        <v>1057</v>
      </c>
      <c r="D153" s="191" t="s">
        <v>1057</v>
      </c>
      <c r="E153" s="173"/>
      <c r="F153" s="191" t="s">
        <v>1057</v>
      </c>
      <c r="G153" s="151"/>
    </row>
    <row r="154" spans="1:7" x14ac:dyDescent="0.3">
      <c r="A154" s="156" t="s">
        <v>2368</v>
      </c>
      <c r="B154" s="136" t="s">
        <v>1205</v>
      </c>
      <c r="C154" s="191" t="s">
        <v>1057</v>
      </c>
      <c r="D154" s="191" t="s">
        <v>1057</v>
      </c>
      <c r="E154" s="173"/>
      <c r="F154" s="191" t="s">
        <v>1057</v>
      </c>
      <c r="G154" s="151"/>
    </row>
    <row r="155" spans="1:7" x14ac:dyDescent="0.3">
      <c r="A155" s="156" t="s">
        <v>2369</v>
      </c>
      <c r="B155" s="136" t="s">
        <v>1205</v>
      </c>
      <c r="C155" s="191" t="s">
        <v>1057</v>
      </c>
      <c r="D155" s="191" t="s">
        <v>1057</v>
      </c>
      <c r="E155" s="173"/>
      <c r="F155" s="191" t="s">
        <v>1057</v>
      </c>
      <c r="G155" s="151"/>
    </row>
    <row r="156" spans="1:7" x14ac:dyDescent="0.3">
      <c r="A156" s="156" t="s">
        <v>2370</v>
      </c>
      <c r="B156" s="136" t="s">
        <v>1205</v>
      </c>
      <c r="C156" s="191" t="s">
        <v>1057</v>
      </c>
      <c r="D156" s="191" t="s">
        <v>1057</v>
      </c>
      <c r="E156" s="173"/>
      <c r="F156" s="191" t="s">
        <v>1057</v>
      </c>
      <c r="G156" s="151"/>
    </row>
    <row r="157" spans="1:7" x14ac:dyDescent="0.3">
      <c r="A157" s="156" t="s">
        <v>2371</v>
      </c>
      <c r="B157" s="136" t="s">
        <v>1205</v>
      </c>
      <c r="C157" s="191" t="s">
        <v>1057</v>
      </c>
      <c r="D157" s="191" t="s">
        <v>1057</v>
      </c>
      <c r="E157" s="173"/>
      <c r="F157" s="191" t="s">
        <v>1057</v>
      </c>
      <c r="G157" s="151"/>
    </row>
    <row r="158" spans="1:7" x14ac:dyDescent="0.3">
      <c r="A158" s="156" t="s">
        <v>2372</v>
      </c>
      <c r="B158" s="136" t="s">
        <v>1205</v>
      </c>
      <c r="C158" s="191" t="s">
        <v>1057</v>
      </c>
      <c r="D158" s="191" t="s">
        <v>1057</v>
      </c>
      <c r="E158" s="173"/>
      <c r="F158" s="191" t="s">
        <v>1057</v>
      </c>
      <c r="G158" s="151"/>
    </row>
    <row r="159" spans="1:7" x14ac:dyDescent="0.3">
      <c r="A159" s="156" t="s">
        <v>2373</v>
      </c>
      <c r="B159" s="136" t="s">
        <v>1205</v>
      </c>
      <c r="C159" s="191" t="s">
        <v>1057</v>
      </c>
      <c r="D159" s="191" t="s">
        <v>1057</v>
      </c>
      <c r="E159" s="173"/>
      <c r="F159" s="191" t="s">
        <v>1057</v>
      </c>
      <c r="G159" s="151"/>
    </row>
    <row r="160" spans="1:7" x14ac:dyDescent="0.3">
      <c r="A160" s="156" t="s">
        <v>2374</v>
      </c>
      <c r="B160" s="136" t="s">
        <v>1205</v>
      </c>
      <c r="C160" s="191" t="s">
        <v>1057</v>
      </c>
      <c r="D160" s="191" t="s">
        <v>1057</v>
      </c>
      <c r="E160" s="173"/>
      <c r="F160" s="191" t="s">
        <v>1057</v>
      </c>
      <c r="G160" s="151"/>
    </row>
    <row r="161" spans="1:7" x14ac:dyDescent="0.3">
      <c r="A161" s="156" t="s">
        <v>2375</v>
      </c>
      <c r="B161" s="136" t="s">
        <v>1205</v>
      </c>
      <c r="C161" s="191" t="s">
        <v>1057</v>
      </c>
      <c r="D161" s="191" t="s">
        <v>1057</v>
      </c>
      <c r="E161" s="173"/>
      <c r="F161" s="191" t="s">
        <v>1057</v>
      </c>
      <c r="G161" s="151"/>
    </row>
    <row r="162" spans="1:7" x14ac:dyDescent="0.3">
      <c r="A162" s="156" t="s">
        <v>2376</v>
      </c>
      <c r="B162" s="136" t="s">
        <v>1205</v>
      </c>
      <c r="C162" s="191" t="s">
        <v>1057</v>
      </c>
      <c r="D162" s="191" t="s">
        <v>1057</v>
      </c>
      <c r="E162" s="173"/>
      <c r="F162" s="191" t="s">
        <v>1057</v>
      </c>
      <c r="G162" s="151"/>
    </row>
    <row r="163" spans="1:7" x14ac:dyDescent="0.3">
      <c r="A163" s="156" t="s">
        <v>2377</v>
      </c>
      <c r="B163" s="136" t="s">
        <v>1205</v>
      </c>
      <c r="C163" s="191" t="s">
        <v>1057</v>
      </c>
      <c r="D163" s="191" t="s">
        <v>1057</v>
      </c>
      <c r="E163" s="173"/>
      <c r="F163" s="191" t="s">
        <v>1057</v>
      </c>
      <c r="G163" s="151"/>
    </row>
    <row r="164" spans="1:7" x14ac:dyDescent="0.3">
      <c r="A164" s="156" t="s">
        <v>2378</v>
      </c>
      <c r="B164" s="136" t="s">
        <v>1205</v>
      </c>
      <c r="C164" s="191" t="s">
        <v>1057</v>
      </c>
      <c r="D164" s="191" t="s">
        <v>1057</v>
      </c>
      <c r="E164" s="173"/>
      <c r="F164" s="191" t="s">
        <v>1057</v>
      </c>
      <c r="G164" s="151"/>
    </row>
    <row r="165" spans="1:7" x14ac:dyDescent="0.3">
      <c r="A165" s="156" t="s">
        <v>2379</v>
      </c>
      <c r="B165" s="136" t="s">
        <v>1205</v>
      </c>
      <c r="C165" s="191" t="s">
        <v>1057</v>
      </c>
      <c r="D165" s="191" t="s">
        <v>1057</v>
      </c>
      <c r="E165" s="173"/>
      <c r="F165" s="191" t="s">
        <v>1057</v>
      </c>
      <c r="G165" s="151"/>
    </row>
    <row r="166" spans="1:7" x14ac:dyDescent="0.3">
      <c r="A166" s="156" t="s">
        <v>2380</v>
      </c>
      <c r="B166" s="136" t="s">
        <v>1205</v>
      </c>
      <c r="C166" s="191" t="s">
        <v>1057</v>
      </c>
      <c r="D166" s="191" t="s">
        <v>1057</v>
      </c>
      <c r="E166" s="173"/>
      <c r="F166" s="191" t="s">
        <v>1057</v>
      </c>
      <c r="G166" s="151"/>
    </row>
    <row r="167" spans="1:7" x14ac:dyDescent="0.3">
      <c r="A167" s="156" t="s">
        <v>2381</v>
      </c>
      <c r="B167" s="136" t="s">
        <v>1205</v>
      </c>
      <c r="C167" s="191" t="s">
        <v>1057</v>
      </c>
      <c r="D167" s="191" t="s">
        <v>1057</v>
      </c>
      <c r="E167" s="173"/>
      <c r="F167" s="191" t="s">
        <v>1057</v>
      </c>
      <c r="G167" s="151"/>
    </row>
    <row r="168" spans="1:7" x14ac:dyDescent="0.3">
      <c r="A168" s="156" t="s">
        <v>2382</v>
      </c>
      <c r="B168" s="136" t="s">
        <v>1205</v>
      </c>
      <c r="C168" s="191" t="s">
        <v>1057</v>
      </c>
      <c r="D168" s="191" t="s">
        <v>1057</v>
      </c>
      <c r="E168" s="173"/>
      <c r="F168" s="191" t="s">
        <v>1057</v>
      </c>
      <c r="G168" s="151"/>
    </row>
    <row r="169" spans="1:7" x14ac:dyDescent="0.3">
      <c r="A169" s="156" t="s">
        <v>2383</v>
      </c>
      <c r="B169" s="136" t="s">
        <v>1205</v>
      </c>
      <c r="C169" s="191" t="s">
        <v>1057</v>
      </c>
      <c r="D169" s="191" t="s">
        <v>1057</v>
      </c>
      <c r="E169" s="173"/>
      <c r="F169" s="191" t="s">
        <v>1057</v>
      </c>
      <c r="G169" s="151"/>
    </row>
    <row r="170" spans="1:7" x14ac:dyDescent="0.3">
      <c r="A170" s="156" t="s">
        <v>2384</v>
      </c>
      <c r="B170" s="136" t="s">
        <v>1205</v>
      </c>
      <c r="C170" s="191" t="s">
        <v>1057</v>
      </c>
      <c r="D170" s="191" t="s">
        <v>1057</v>
      </c>
      <c r="E170" s="173"/>
      <c r="F170" s="191" t="s">
        <v>1057</v>
      </c>
      <c r="G170" s="151"/>
    </row>
    <row r="171" spans="1:7" x14ac:dyDescent="0.3">
      <c r="A171" s="103"/>
      <c r="B171" s="103" t="s">
        <v>1013</v>
      </c>
      <c r="C171" s="103" t="s">
        <v>858</v>
      </c>
      <c r="D171" s="103" t="s">
        <v>859</v>
      </c>
      <c r="E171" s="103"/>
      <c r="F171" s="103" t="s">
        <v>823</v>
      </c>
      <c r="G171" s="103"/>
    </row>
    <row r="172" spans="1:7" x14ac:dyDescent="0.3">
      <c r="A172" s="156" t="s">
        <v>2385</v>
      </c>
      <c r="B172" s="156" t="s">
        <v>1015</v>
      </c>
      <c r="C172" s="191" t="s">
        <v>1057</v>
      </c>
      <c r="D172" s="191" t="s">
        <v>1057</v>
      </c>
      <c r="E172" s="190"/>
      <c r="F172" s="191" t="s">
        <v>1057</v>
      </c>
      <c r="G172" s="151"/>
    </row>
    <row r="173" spans="1:7" x14ac:dyDescent="0.3">
      <c r="A173" s="156" t="s">
        <v>2386</v>
      </c>
      <c r="B173" s="156" t="s">
        <v>1017</v>
      </c>
      <c r="C173" s="191" t="s">
        <v>1057</v>
      </c>
      <c r="D173" s="191" t="s">
        <v>1057</v>
      </c>
      <c r="E173" s="190"/>
      <c r="F173" s="191" t="s">
        <v>1057</v>
      </c>
      <c r="G173" s="151"/>
    </row>
    <row r="174" spans="1:7" x14ac:dyDescent="0.3">
      <c r="A174" s="156" t="s">
        <v>2387</v>
      </c>
      <c r="B174" s="156" t="s">
        <v>364</v>
      </c>
      <c r="C174" s="191" t="s">
        <v>1057</v>
      </c>
      <c r="D174" s="191" t="s">
        <v>1057</v>
      </c>
      <c r="E174" s="190"/>
      <c r="F174" s="191" t="s">
        <v>1057</v>
      </c>
      <c r="G174" s="151"/>
    </row>
    <row r="175" spans="1:7" x14ac:dyDescent="0.3">
      <c r="A175" s="156" t="s">
        <v>2388</v>
      </c>
      <c r="B175" s="164"/>
      <c r="C175" s="191"/>
      <c r="D175" s="191"/>
      <c r="E175" s="190"/>
      <c r="F175" s="191"/>
      <c r="G175" s="151"/>
    </row>
    <row r="176" spans="1:7" x14ac:dyDescent="0.3">
      <c r="A176" s="156" t="s">
        <v>2389</v>
      </c>
      <c r="B176" s="164"/>
      <c r="C176" s="191"/>
      <c r="D176" s="191"/>
      <c r="E176" s="190"/>
      <c r="F176" s="191"/>
      <c r="G176" s="151"/>
    </row>
    <row r="177" spans="1:7" x14ac:dyDescent="0.3">
      <c r="A177" s="156" t="s">
        <v>2390</v>
      </c>
      <c r="B177" s="164"/>
      <c r="C177" s="191"/>
      <c r="D177" s="191"/>
      <c r="E177" s="190"/>
      <c r="F177" s="191"/>
      <c r="G177" s="151"/>
    </row>
    <row r="178" spans="1:7" x14ac:dyDescent="0.3">
      <c r="A178" s="156" t="s">
        <v>2391</v>
      </c>
      <c r="B178" s="164"/>
      <c r="C178" s="191"/>
      <c r="D178" s="191"/>
      <c r="E178" s="190"/>
      <c r="F178" s="191"/>
      <c r="G178" s="151"/>
    </row>
    <row r="179" spans="1:7" x14ac:dyDescent="0.3">
      <c r="A179" s="156" t="s">
        <v>2392</v>
      </c>
      <c r="B179" s="164"/>
      <c r="C179" s="191"/>
      <c r="D179" s="191"/>
      <c r="E179" s="190"/>
      <c r="F179" s="191"/>
      <c r="G179" s="151"/>
    </row>
    <row r="180" spans="1:7" x14ac:dyDescent="0.3">
      <c r="A180" s="156" t="s">
        <v>2393</v>
      </c>
      <c r="B180" s="164"/>
      <c r="C180" s="191"/>
      <c r="D180" s="191"/>
      <c r="E180" s="190"/>
      <c r="F180" s="191"/>
      <c r="G180" s="151"/>
    </row>
    <row r="181" spans="1:7" x14ac:dyDescent="0.3">
      <c r="A181" s="103"/>
      <c r="B181" s="103" t="s">
        <v>1025</v>
      </c>
      <c r="C181" s="103" t="s">
        <v>858</v>
      </c>
      <c r="D181" s="103" t="s">
        <v>859</v>
      </c>
      <c r="E181" s="103"/>
      <c r="F181" s="103" t="s">
        <v>823</v>
      </c>
      <c r="G181" s="103"/>
    </row>
    <row r="182" spans="1:7" x14ac:dyDescent="0.3">
      <c r="A182" s="156" t="s">
        <v>2394</v>
      </c>
      <c r="B182" s="156" t="s">
        <v>1027</v>
      </c>
      <c r="C182" s="191" t="s">
        <v>1057</v>
      </c>
      <c r="D182" s="191" t="s">
        <v>1057</v>
      </c>
      <c r="E182" s="190"/>
      <c r="F182" s="191" t="s">
        <v>1057</v>
      </c>
      <c r="G182" s="151"/>
    </row>
    <row r="183" spans="1:7" x14ac:dyDescent="0.3">
      <c r="A183" s="156" t="s">
        <v>2395</v>
      </c>
      <c r="B183" s="156" t="s">
        <v>1029</v>
      </c>
      <c r="C183" s="191" t="s">
        <v>1057</v>
      </c>
      <c r="D183" s="191" t="s">
        <v>1057</v>
      </c>
      <c r="E183" s="190"/>
      <c r="F183" s="191" t="s">
        <v>1057</v>
      </c>
      <c r="G183" s="151"/>
    </row>
    <row r="184" spans="1:7" x14ac:dyDescent="0.3">
      <c r="A184" s="156" t="s">
        <v>2396</v>
      </c>
      <c r="B184" s="156" t="s">
        <v>364</v>
      </c>
      <c r="C184" s="191" t="s">
        <v>1057</v>
      </c>
      <c r="D184" s="191" t="s">
        <v>1057</v>
      </c>
      <c r="E184" s="190"/>
      <c r="F184" s="191" t="s">
        <v>1057</v>
      </c>
      <c r="G184" s="151"/>
    </row>
    <row r="185" spans="1:7" x14ac:dyDescent="0.3">
      <c r="A185" s="156" t="s">
        <v>2397</v>
      </c>
      <c r="B185" s="164"/>
      <c r="C185" s="164"/>
      <c r="D185" s="164"/>
      <c r="E185" s="128"/>
      <c r="F185" s="164"/>
      <c r="G185" s="151"/>
    </row>
    <row r="186" spans="1:7" x14ac:dyDescent="0.3">
      <c r="A186" s="156" t="s">
        <v>2398</v>
      </c>
      <c r="B186" s="164"/>
      <c r="C186" s="164"/>
      <c r="D186" s="164"/>
      <c r="E186" s="128"/>
      <c r="F186" s="164"/>
      <c r="G186" s="151"/>
    </row>
    <row r="187" spans="1:7" x14ac:dyDescent="0.3">
      <c r="A187" s="156" t="s">
        <v>2399</v>
      </c>
      <c r="B187" s="164"/>
      <c r="C187" s="164"/>
      <c r="D187" s="164"/>
      <c r="E187" s="128"/>
      <c r="F187" s="164"/>
      <c r="G187" s="151"/>
    </row>
    <row r="188" spans="1:7" x14ac:dyDescent="0.3">
      <c r="A188" s="156" t="s">
        <v>2400</v>
      </c>
      <c r="B188" s="164"/>
      <c r="C188" s="164"/>
      <c r="D188" s="164"/>
      <c r="E188" s="128"/>
      <c r="F188" s="164"/>
      <c r="G188" s="151"/>
    </row>
    <row r="189" spans="1:7" x14ac:dyDescent="0.3">
      <c r="A189" s="156" t="s">
        <v>2401</v>
      </c>
      <c r="B189" s="164"/>
      <c r="C189" s="164"/>
      <c r="D189" s="164"/>
      <c r="E189" s="128"/>
      <c r="F189" s="164"/>
      <c r="G189" s="151"/>
    </row>
    <row r="190" spans="1:7" x14ac:dyDescent="0.3">
      <c r="A190" s="156" t="s">
        <v>2402</v>
      </c>
      <c r="B190" s="164"/>
      <c r="C190" s="164"/>
      <c r="D190" s="164"/>
      <c r="E190" s="128"/>
      <c r="F190" s="164"/>
      <c r="G190" s="151"/>
    </row>
    <row r="191" spans="1:7" x14ac:dyDescent="0.3">
      <c r="A191" s="103"/>
      <c r="B191" s="103" t="s">
        <v>1037</v>
      </c>
      <c r="C191" s="103" t="s">
        <v>858</v>
      </c>
      <c r="D191" s="103" t="s">
        <v>859</v>
      </c>
      <c r="E191" s="103"/>
      <c r="F191" s="103" t="s">
        <v>823</v>
      </c>
      <c r="G191" s="103"/>
    </row>
    <row r="192" spans="1:7" x14ac:dyDescent="0.3">
      <c r="A192" s="156" t="s">
        <v>2403</v>
      </c>
      <c r="B192" s="108" t="s">
        <v>1039</v>
      </c>
      <c r="C192" s="191" t="s">
        <v>1057</v>
      </c>
      <c r="D192" s="191" t="s">
        <v>1057</v>
      </c>
      <c r="E192" s="190"/>
      <c r="F192" s="191" t="s">
        <v>1057</v>
      </c>
      <c r="G192" s="151"/>
    </row>
    <row r="193" spans="1:7" x14ac:dyDescent="0.3">
      <c r="A193" s="156" t="s">
        <v>2404</v>
      </c>
      <c r="B193" s="108" t="s">
        <v>1041</v>
      </c>
      <c r="C193" s="191" t="s">
        <v>1057</v>
      </c>
      <c r="D193" s="191" t="s">
        <v>1057</v>
      </c>
      <c r="E193" s="190"/>
      <c r="F193" s="191" t="s">
        <v>1057</v>
      </c>
      <c r="G193" s="151"/>
    </row>
    <row r="194" spans="1:7" x14ac:dyDescent="0.3">
      <c r="A194" s="156" t="s">
        <v>2405</v>
      </c>
      <c r="B194" s="108" t="s">
        <v>1043</v>
      </c>
      <c r="C194" s="191" t="s">
        <v>1057</v>
      </c>
      <c r="D194" s="191" t="s">
        <v>1057</v>
      </c>
      <c r="E194" s="173"/>
      <c r="F194" s="191" t="s">
        <v>1057</v>
      </c>
      <c r="G194" s="151"/>
    </row>
    <row r="195" spans="1:7" x14ac:dyDescent="0.3">
      <c r="A195" s="156" t="s">
        <v>2406</v>
      </c>
      <c r="B195" s="108" t="s">
        <v>1045</v>
      </c>
      <c r="C195" s="191" t="s">
        <v>1057</v>
      </c>
      <c r="D195" s="191" t="s">
        <v>1057</v>
      </c>
      <c r="E195" s="173"/>
      <c r="F195" s="191" t="s">
        <v>1057</v>
      </c>
      <c r="G195" s="151"/>
    </row>
    <row r="196" spans="1:7" x14ac:dyDescent="0.3">
      <c r="A196" s="156" t="s">
        <v>2407</v>
      </c>
      <c r="B196" s="108" t="s">
        <v>1047</v>
      </c>
      <c r="C196" s="191" t="s">
        <v>1057</v>
      </c>
      <c r="D196" s="191" t="s">
        <v>1057</v>
      </c>
      <c r="E196" s="173"/>
      <c r="F196" s="191" t="s">
        <v>1057</v>
      </c>
      <c r="G196" s="151"/>
    </row>
    <row r="197" spans="1:7" x14ac:dyDescent="0.3">
      <c r="A197" s="156" t="s">
        <v>2408</v>
      </c>
      <c r="B197" s="124"/>
      <c r="C197" s="191"/>
      <c r="D197" s="191"/>
      <c r="E197" s="173"/>
      <c r="F197" s="191"/>
      <c r="G197" s="151"/>
    </row>
    <row r="198" spans="1:7" x14ac:dyDescent="0.3">
      <c r="A198" s="156" t="s">
        <v>2409</v>
      </c>
      <c r="B198" s="124"/>
      <c r="C198" s="191"/>
      <c r="D198" s="191"/>
      <c r="E198" s="173"/>
      <c r="F198" s="191"/>
      <c r="G198" s="151"/>
    </row>
    <row r="199" spans="1:7" x14ac:dyDescent="0.3">
      <c r="A199" s="156" t="s">
        <v>2410</v>
      </c>
      <c r="B199" s="138"/>
      <c r="C199" s="191"/>
      <c r="D199" s="191"/>
      <c r="E199" s="173"/>
      <c r="F199" s="191"/>
      <c r="G199" s="151"/>
    </row>
    <row r="200" spans="1:7" x14ac:dyDescent="0.3">
      <c r="A200" s="156" t="s">
        <v>2411</v>
      </c>
      <c r="B200" s="138"/>
      <c r="C200" s="191"/>
      <c r="D200" s="191"/>
      <c r="E200" s="173"/>
      <c r="F200" s="191"/>
      <c r="G200" s="151"/>
    </row>
    <row r="201" spans="1:7" x14ac:dyDescent="0.3">
      <c r="A201" s="103"/>
      <c r="B201" s="103" t="s">
        <v>1052</v>
      </c>
      <c r="C201" s="103" t="s">
        <v>858</v>
      </c>
      <c r="D201" s="103" t="s">
        <v>859</v>
      </c>
      <c r="E201" s="103"/>
      <c r="F201" s="103" t="s">
        <v>823</v>
      </c>
      <c r="G201" s="103"/>
    </row>
    <row r="202" spans="1:7" x14ac:dyDescent="0.3">
      <c r="A202" s="156" t="s">
        <v>2412</v>
      </c>
      <c r="B202" s="156" t="s">
        <v>1054</v>
      </c>
      <c r="C202" s="191" t="s">
        <v>1057</v>
      </c>
      <c r="D202" s="191" t="s">
        <v>1057</v>
      </c>
      <c r="E202" s="190"/>
      <c r="F202" s="191" t="s">
        <v>1057</v>
      </c>
      <c r="G202" s="151"/>
    </row>
    <row r="203" spans="1:7" x14ac:dyDescent="0.3">
      <c r="A203" s="156" t="s">
        <v>2413</v>
      </c>
      <c r="B203" s="139"/>
      <c r="C203" s="191"/>
      <c r="D203" s="191"/>
      <c r="E203" s="190"/>
      <c r="F203" s="191"/>
      <c r="G203" s="151"/>
    </row>
    <row r="204" spans="1:7" x14ac:dyDescent="0.3">
      <c r="A204" s="156" t="s">
        <v>2414</v>
      </c>
      <c r="B204" s="139"/>
      <c r="C204" s="191"/>
      <c r="D204" s="191"/>
      <c r="E204" s="190"/>
      <c r="F204" s="191"/>
      <c r="G204" s="151"/>
    </row>
    <row r="205" spans="1:7" x14ac:dyDescent="0.3">
      <c r="A205" s="156" t="s">
        <v>2415</v>
      </c>
      <c r="B205" s="139"/>
      <c r="C205" s="191"/>
      <c r="D205" s="191"/>
      <c r="E205" s="190"/>
      <c r="F205" s="191"/>
      <c r="G205" s="151"/>
    </row>
    <row r="206" spans="1:7" x14ac:dyDescent="0.3">
      <c r="A206" s="156" t="s">
        <v>2416</v>
      </c>
      <c r="B206" s="139"/>
      <c r="C206" s="191"/>
      <c r="D206" s="191"/>
      <c r="E206" s="190"/>
      <c r="F206" s="191"/>
      <c r="G206" s="151"/>
    </row>
    <row r="207" spans="1:7" x14ac:dyDescent="0.3">
      <c r="A207" s="156" t="s">
        <v>2417</v>
      </c>
      <c r="B207" s="136"/>
      <c r="C207" s="136"/>
      <c r="D207" s="136"/>
      <c r="E207" s="151"/>
      <c r="F207" s="136"/>
      <c r="G207" s="151"/>
    </row>
    <row r="208" spans="1:7" x14ac:dyDescent="0.3">
      <c r="A208" s="156" t="s">
        <v>2418</v>
      </c>
      <c r="B208" s="136"/>
      <c r="C208" s="136"/>
      <c r="D208" s="136"/>
      <c r="E208" s="151"/>
      <c r="F208" s="136"/>
      <c r="G208" s="151"/>
    </row>
    <row r="209" spans="1:7" x14ac:dyDescent="0.3">
      <c r="A209" s="156" t="s">
        <v>2419</v>
      </c>
      <c r="B209" s="136"/>
      <c r="C209" s="136"/>
      <c r="D209" s="136"/>
      <c r="E209" s="151"/>
      <c r="F209" s="136"/>
      <c r="G209" s="151"/>
    </row>
    <row r="210" spans="1:7" ht="18.75" customHeight="1" x14ac:dyDescent="0.3">
      <c r="A210" s="110"/>
      <c r="B210" s="111" t="s">
        <v>2420</v>
      </c>
      <c r="C210" s="112"/>
      <c r="D210" s="112"/>
      <c r="E210" s="112"/>
      <c r="F210" s="112"/>
      <c r="G210" s="112"/>
    </row>
    <row r="211" spans="1:7" x14ac:dyDescent="0.3">
      <c r="A211" s="103"/>
      <c r="B211" s="103" t="s">
        <v>1061</v>
      </c>
      <c r="C211" s="103" t="s">
        <v>1062</v>
      </c>
      <c r="D211" s="103" t="s">
        <v>1063</v>
      </c>
      <c r="E211" s="103"/>
      <c r="F211" s="103" t="s">
        <v>858</v>
      </c>
      <c r="G211" s="103" t="s">
        <v>1064</v>
      </c>
    </row>
    <row r="212" spans="1:7" x14ac:dyDescent="0.3">
      <c r="A212" s="156" t="s">
        <v>2421</v>
      </c>
      <c r="B212" s="151" t="s">
        <v>1066</v>
      </c>
      <c r="C212" s="193" t="s">
        <v>1057</v>
      </c>
      <c r="D212" s="156"/>
      <c r="E212" s="129"/>
      <c r="F212" s="94"/>
      <c r="G212" s="94"/>
    </row>
    <row r="213" spans="1:7" x14ac:dyDescent="0.3">
      <c r="A213" s="129"/>
      <c r="B213" s="113"/>
      <c r="C213" s="129"/>
      <c r="D213" s="129"/>
      <c r="E213" s="129"/>
      <c r="F213" s="94"/>
      <c r="G213" s="94"/>
    </row>
    <row r="214" spans="1:7" x14ac:dyDescent="0.3">
      <c r="A214" s="156"/>
      <c r="B214" s="151" t="s">
        <v>1067</v>
      </c>
      <c r="C214" s="129"/>
      <c r="D214" s="129"/>
      <c r="E214" s="129"/>
      <c r="F214" s="94"/>
      <c r="G214" s="94"/>
    </row>
    <row r="215" spans="1:7" x14ac:dyDescent="0.3">
      <c r="A215" s="156" t="s">
        <v>2422</v>
      </c>
      <c r="B215" s="136" t="s">
        <v>1205</v>
      </c>
      <c r="C215" s="193" t="s">
        <v>1057</v>
      </c>
      <c r="D215" s="126" t="s">
        <v>1057</v>
      </c>
      <c r="E215" s="129"/>
      <c r="F215" s="174" t="str">
        <f t="shared" ref="F215:F238" si="1">IF($C$239=0,"",IF(C215="[for completion]","",IF(C215="","",C215/$C$239)))</f>
        <v/>
      </c>
      <c r="G215" s="174" t="str">
        <f t="shared" ref="G215:G238" si="2">IF($D$239=0,"",IF(D215="[for completion]","",IF(D215="","",D215/$D$239)))</f>
        <v/>
      </c>
    </row>
    <row r="216" spans="1:7" x14ac:dyDescent="0.3">
      <c r="A216" s="156" t="s">
        <v>2423</v>
      </c>
      <c r="B216" s="136" t="s">
        <v>1205</v>
      </c>
      <c r="C216" s="193" t="s">
        <v>1057</v>
      </c>
      <c r="D216" s="126" t="s">
        <v>1057</v>
      </c>
      <c r="E216" s="129"/>
      <c r="F216" s="174" t="str">
        <f t="shared" si="1"/>
        <v/>
      </c>
      <c r="G216" s="174" t="str">
        <f t="shared" si="2"/>
        <v/>
      </c>
    </row>
    <row r="217" spans="1:7" x14ac:dyDescent="0.3">
      <c r="A217" s="156" t="s">
        <v>2424</v>
      </c>
      <c r="B217" s="136" t="s">
        <v>1205</v>
      </c>
      <c r="C217" s="193" t="s">
        <v>1057</v>
      </c>
      <c r="D217" s="126" t="s">
        <v>1057</v>
      </c>
      <c r="E217" s="129"/>
      <c r="F217" s="174" t="str">
        <f t="shared" si="1"/>
        <v/>
      </c>
      <c r="G217" s="174" t="str">
        <f t="shared" si="2"/>
        <v/>
      </c>
    </row>
    <row r="218" spans="1:7" x14ac:dyDescent="0.3">
      <c r="A218" s="156" t="s">
        <v>2425</v>
      </c>
      <c r="B218" s="136" t="s">
        <v>1205</v>
      </c>
      <c r="C218" s="193" t="s">
        <v>1057</v>
      </c>
      <c r="D218" s="126" t="s">
        <v>1057</v>
      </c>
      <c r="E218" s="129"/>
      <c r="F218" s="174" t="str">
        <f t="shared" si="1"/>
        <v/>
      </c>
      <c r="G218" s="174" t="str">
        <f t="shared" si="2"/>
        <v/>
      </c>
    </row>
    <row r="219" spans="1:7" x14ac:dyDescent="0.3">
      <c r="A219" s="156" t="s">
        <v>2426</v>
      </c>
      <c r="B219" s="136" t="s">
        <v>1205</v>
      </c>
      <c r="C219" s="193" t="s">
        <v>1057</v>
      </c>
      <c r="D219" s="126" t="s">
        <v>1057</v>
      </c>
      <c r="E219" s="129"/>
      <c r="F219" s="174" t="str">
        <f t="shared" si="1"/>
        <v/>
      </c>
      <c r="G219" s="174" t="str">
        <f t="shared" si="2"/>
        <v/>
      </c>
    </row>
    <row r="220" spans="1:7" x14ac:dyDescent="0.3">
      <c r="A220" s="156" t="s">
        <v>2427</v>
      </c>
      <c r="B220" s="136" t="s">
        <v>1205</v>
      </c>
      <c r="C220" s="193" t="s">
        <v>1057</v>
      </c>
      <c r="D220" s="126" t="s">
        <v>1057</v>
      </c>
      <c r="E220" s="129"/>
      <c r="F220" s="174" t="str">
        <f t="shared" si="1"/>
        <v/>
      </c>
      <c r="G220" s="174" t="str">
        <f t="shared" si="2"/>
        <v/>
      </c>
    </row>
    <row r="221" spans="1:7" x14ac:dyDescent="0.3">
      <c r="A221" s="156" t="s">
        <v>2428</v>
      </c>
      <c r="B221" s="136" t="s">
        <v>1205</v>
      </c>
      <c r="C221" s="193" t="s">
        <v>1057</v>
      </c>
      <c r="D221" s="126" t="s">
        <v>1057</v>
      </c>
      <c r="E221" s="129"/>
      <c r="F221" s="174" t="str">
        <f t="shared" si="1"/>
        <v/>
      </c>
      <c r="G221" s="174" t="str">
        <f t="shared" si="2"/>
        <v/>
      </c>
    </row>
    <row r="222" spans="1:7" x14ac:dyDescent="0.3">
      <c r="A222" s="156" t="s">
        <v>2429</v>
      </c>
      <c r="B222" s="136" t="s">
        <v>1205</v>
      </c>
      <c r="C222" s="193" t="s">
        <v>1057</v>
      </c>
      <c r="D222" s="126" t="s">
        <v>1057</v>
      </c>
      <c r="E222" s="129"/>
      <c r="F222" s="174" t="str">
        <f t="shared" si="1"/>
        <v/>
      </c>
      <c r="G222" s="174" t="str">
        <f t="shared" si="2"/>
        <v/>
      </c>
    </row>
    <row r="223" spans="1:7" x14ac:dyDescent="0.3">
      <c r="A223" s="156" t="s">
        <v>2430</v>
      </c>
      <c r="B223" s="136" t="s">
        <v>1205</v>
      </c>
      <c r="C223" s="193" t="s">
        <v>1057</v>
      </c>
      <c r="D223" s="126" t="s">
        <v>1057</v>
      </c>
      <c r="E223" s="129"/>
      <c r="F223" s="174" t="str">
        <f t="shared" si="1"/>
        <v/>
      </c>
      <c r="G223" s="174" t="str">
        <f t="shared" si="2"/>
        <v/>
      </c>
    </row>
    <row r="224" spans="1:7" x14ac:dyDescent="0.3">
      <c r="A224" s="156" t="s">
        <v>2431</v>
      </c>
      <c r="B224" s="136" t="s">
        <v>1205</v>
      </c>
      <c r="C224" s="193" t="s">
        <v>1057</v>
      </c>
      <c r="D224" s="126" t="s">
        <v>1057</v>
      </c>
      <c r="E224" s="151"/>
      <c r="F224" s="174" t="str">
        <f t="shared" si="1"/>
        <v/>
      </c>
      <c r="G224" s="174" t="str">
        <f t="shared" si="2"/>
        <v/>
      </c>
    </row>
    <row r="225" spans="1:7" x14ac:dyDescent="0.3">
      <c r="A225" s="156" t="s">
        <v>2432</v>
      </c>
      <c r="B225" s="136" t="s">
        <v>1205</v>
      </c>
      <c r="C225" s="193" t="s">
        <v>1057</v>
      </c>
      <c r="D225" s="126" t="s">
        <v>1057</v>
      </c>
      <c r="E225" s="151"/>
      <c r="F225" s="174" t="str">
        <f t="shared" si="1"/>
        <v/>
      </c>
      <c r="G225" s="174" t="str">
        <f t="shared" si="2"/>
        <v/>
      </c>
    </row>
    <row r="226" spans="1:7" x14ac:dyDescent="0.3">
      <c r="A226" s="156" t="s">
        <v>2433</v>
      </c>
      <c r="B226" s="136" t="s">
        <v>1205</v>
      </c>
      <c r="C226" s="193" t="s">
        <v>1057</v>
      </c>
      <c r="D226" s="126" t="s">
        <v>1057</v>
      </c>
      <c r="E226" s="151"/>
      <c r="F226" s="174" t="str">
        <f t="shared" si="1"/>
        <v/>
      </c>
      <c r="G226" s="174" t="str">
        <f t="shared" si="2"/>
        <v/>
      </c>
    </row>
    <row r="227" spans="1:7" x14ac:dyDescent="0.3">
      <c r="A227" s="156" t="s">
        <v>2434</v>
      </c>
      <c r="B227" s="136" t="s">
        <v>1205</v>
      </c>
      <c r="C227" s="193" t="s">
        <v>1057</v>
      </c>
      <c r="D227" s="126" t="s">
        <v>1057</v>
      </c>
      <c r="E227" s="151"/>
      <c r="F227" s="174" t="str">
        <f t="shared" si="1"/>
        <v/>
      </c>
      <c r="G227" s="174" t="str">
        <f t="shared" si="2"/>
        <v/>
      </c>
    </row>
    <row r="228" spans="1:7" x14ac:dyDescent="0.3">
      <c r="A228" s="156" t="s">
        <v>2435</v>
      </c>
      <c r="B228" s="136" t="s">
        <v>1205</v>
      </c>
      <c r="C228" s="193" t="s">
        <v>1057</v>
      </c>
      <c r="D228" s="126" t="s">
        <v>1057</v>
      </c>
      <c r="E228" s="151"/>
      <c r="F228" s="174" t="str">
        <f t="shared" si="1"/>
        <v/>
      </c>
      <c r="G228" s="174" t="str">
        <f t="shared" si="2"/>
        <v/>
      </c>
    </row>
    <row r="229" spans="1:7" x14ac:dyDescent="0.3">
      <c r="A229" s="156" t="s">
        <v>2436</v>
      </c>
      <c r="B229" s="136" t="s">
        <v>1205</v>
      </c>
      <c r="C229" s="193" t="s">
        <v>1057</v>
      </c>
      <c r="D229" s="126" t="s">
        <v>1057</v>
      </c>
      <c r="E229" s="151"/>
      <c r="F229" s="174" t="str">
        <f t="shared" si="1"/>
        <v/>
      </c>
      <c r="G229" s="174" t="str">
        <f t="shared" si="2"/>
        <v/>
      </c>
    </row>
    <row r="230" spans="1:7" x14ac:dyDescent="0.3">
      <c r="A230" s="156" t="s">
        <v>2437</v>
      </c>
      <c r="B230" s="136" t="s">
        <v>1205</v>
      </c>
      <c r="C230" s="193" t="s">
        <v>1057</v>
      </c>
      <c r="D230" s="126" t="s">
        <v>1057</v>
      </c>
      <c r="E230" s="156"/>
      <c r="F230" s="174" t="str">
        <f t="shared" si="1"/>
        <v/>
      </c>
      <c r="G230" s="174" t="str">
        <f t="shared" si="2"/>
        <v/>
      </c>
    </row>
    <row r="231" spans="1:7" x14ac:dyDescent="0.3">
      <c r="A231" s="156" t="s">
        <v>2438</v>
      </c>
      <c r="B231" s="136" t="s">
        <v>1205</v>
      </c>
      <c r="C231" s="193" t="s">
        <v>1057</v>
      </c>
      <c r="D231" s="126" t="s">
        <v>1057</v>
      </c>
      <c r="E231" s="114"/>
      <c r="F231" s="174" t="str">
        <f t="shared" si="1"/>
        <v/>
      </c>
      <c r="G231" s="174" t="str">
        <f t="shared" si="2"/>
        <v/>
      </c>
    </row>
    <row r="232" spans="1:7" x14ac:dyDescent="0.3">
      <c r="A232" s="156" t="s">
        <v>2439</v>
      </c>
      <c r="B232" s="136" t="s">
        <v>1205</v>
      </c>
      <c r="C232" s="193" t="s">
        <v>1057</v>
      </c>
      <c r="D232" s="126" t="s">
        <v>1057</v>
      </c>
      <c r="E232" s="114"/>
      <c r="F232" s="174" t="str">
        <f t="shared" si="1"/>
        <v/>
      </c>
      <c r="G232" s="174" t="str">
        <f t="shared" si="2"/>
        <v/>
      </c>
    </row>
    <row r="233" spans="1:7" x14ac:dyDescent="0.3">
      <c r="A233" s="156" t="s">
        <v>2440</v>
      </c>
      <c r="B233" s="136" t="s">
        <v>1205</v>
      </c>
      <c r="C233" s="193" t="s">
        <v>1057</v>
      </c>
      <c r="D233" s="126" t="s">
        <v>1057</v>
      </c>
      <c r="E233" s="114"/>
      <c r="F233" s="174" t="str">
        <f t="shared" si="1"/>
        <v/>
      </c>
      <c r="G233" s="174" t="str">
        <f t="shared" si="2"/>
        <v/>
      </c>
    </row>
    <row r="234" spans="1:7" x14ac:dyDescent="0.3">
      <c r="A234" s="156" t="s">
        <v>2441</v>
      </c>
      <c r="B234" s="136" t="s">
        <v>1205</v>
      </c>
      <c r="C234" s="193" t="s">
        <v>1057</v>
      </c>
      <c r="D234" s="126" t="s">
        <v>1057</v>
      </c>
      <c r="E234" s="114"/>
      <c r="F234" s="174" t="str">
        <f t="shared" si="1"/>
        <v/>
      </c>
      <c r="G234" s="174" t="str">
        <f t="shared" si="2"/>
        <v/>
      </c>
    </row>
    <row r="235" spans="1:7" x14ac:dyDescent="0.3">
      <c r="A235" s="156" t="s">
        <v>2442</v>
      </c>
      <c r="B235" s="136" t="s">
        <v>1205</v>
      </c>
      <c r="C235" s="193" t="s">
        <v>1057</v>
      </c>
      <c r="D235" s="126" t="s">
        <v>1057</v>
      </c>
      <c r="E235" s="114"/>
      <c r="F235" s="174" t="str">
        <f t="shared" si="1"/>
        <v/>
      </c>
      <c r="G235" s="174" t="str">
        <f t="shared" si="2"/>
        <v/>
      </c>
    </row>
    <row r="236" spans="1:7" x14ac:dyDescent="0.3">
      <c r="A236" s="156" t="s">
        <v>2443</v>
      </c>
      <c r="B236" s="136" t="s">
        <v>1205</v>
      </c>
      <c r="C236" s="193" t="s">
        <v>1057</v>
      </c>
      <c r="D236" s="126" t="s">
        <v>1057</v>
      </c>
      <c r="E236" s="114"/>
      <c r="F236" s="174" t="str">
        <f t="shared" si="1"/>
        <v/>
      </c>
      <c r="G236" s="174" t="str">
        <f t="shared" si="2"/>
        <v/>
      </c>
    </row>
    <row r="237" spans="1:7" x14ac:dyDescent="0.3">
      <c r="A237" s="156" t="s">
        <v>2444</v>
      </c>
      <c r="B237" s="136" t="s">
        <v>1205</v>
      </c>
      <c r="C237" s="193" t="s">
        <v>1057</v>
      </c>
      <c r="D237" s="126" t="s">
        <v>1057</v>
      </c>
      <c r="E237" s="114"/>
      <c r="F237" s="174" t="str">
        <f t="shared" si="1"/>
        <v/>
      </c>
      <c r="G237" s="174" t="str">
        <f t="shared" si="2"/>
        <v/>
      </c>
    </row>
    <row r="238" spans="1:7" x14ac:dyDescent="0.3">
      <c r="A238" s="156" t="s">
        <v>2445</v>
      </c>
      <c r="B238" s="136" t="s">
        <v>1205</v>
      </c>
      <c r="C238" s="193" t="s">
        <v>1057</v>
      </c>
      <c r="D238" s="126" t="s">
        <v>1057</v>
      </c>
      <c r="E238" s="114"/>
      <c r="F238" s="174" t="str">
        <f t="shared" si="1"/>
        <v/>
      </c>
      <c r="G238" s="174" t="str">
        <f t="shared" si="2"/>
        <v/>
      </c>
    </row>
    <row r="239" spans="1:7" x14ac:dyDescent="0.3">
      <c r="A239" s="156" t="s">
        <v>2446</v>
      </c>
      <c r="B239" s="115" t="s">
        <v>366</v>
      </c>
      <c r="C239" s="177">
        <f>SUM(C215:C238)</f>
        <v>0</v>
      </c>
      <c r="D239" s="116">
        <f>SUM(D215:D238)</f>
        <v>0</v>
      </c>
      <c r="E239" s="114"/>
      <c r="F239" s="175">
        <f>SUM(F215:F238)</f>
        <v>0</v>
      </c>
      <c r="G239" s="175">
        <f>SUM(G215:G238)</f>
        <v>0</v>
      </c>
    </row>
    <row r="240" spans="1:7" x14ac:dyDescent="0.3">
      <c r="A240" s="103"/>
      <c r="B240" s="103" t="s">
        <v>1105</v>
      </c>
      <c r="C240" s="103" t="s">
        <v>1062</v>
      </c>
      <c r="D240" s="103" t="s">
        <v>1063</v>
      </c>
      <c r="E240" s="103"/>
      <c r="F240" s="103" t="s">
        <v>858</v>
      </c>
      <c r="G240" s="103" t="s">
        <v>1064</v>
      </c>
    </row>
    <row r="241" spans="1:7" x14ac:dyDescent="0.3">
      <c r="A241" s="156" t="s">
        <v>2447</v>
      </c>
      <c r="B241" s="156" t="s">
        <v>1107</v>
      </c>
      <c r="C241" s="191" t="s">
        <v>1057</v>
      </c>
      <c r="D241" s="156"/>
      <c r="E241" s="156"/>
      <c r="F241" s="188"/>
      <c r="G241" s="188"/>
    </row>
    <row r="242" spans="1:7" x14ac:dyDescent="0.3">
      <c r="A242" s="156"/>
      <c r="B242" s="156"/>
      <c r="C242" s="156"/>
      <c r="D242" s="156"/>
      <c r="E242" s="156"/>
      <c r="F242" s="188"/>
      <c r="G242" s="188"/>
    </row>
    <row r="243" spans="1:7" x14ac:dyDescent="0.3">
      <c r="A243" s="156"/>
      <c r="B243" s="151" t="s">
        <v>1108</v>
      </c>
      <c r="C243" s="156"/>
      <c r="D243" s="156"/>
      <c r="E243" s="156"/>
      <c r="F243" s="188"/>
      <c r="G243" s="188"/>
    </row>
    <row r="244" spans="1:7" x14ac:dyDescent="0.3">
      <c r="A244" s="156" t="s">
        <v>2448</v>
      </c>
      <c r="B244" s="156" t="s">
        <v>1110</v>
      </c>
      <c r="C244" s="193" t="s">
        <v>1057</v>
      </c>
      <c r="D244" s="126" t="s">
        <v>1057</v>
      </c>
      <c r="E244" s="156"/>
      <c r="F244" s="174" t="str">
        <f t="shared" ref="F244:F251" si="3">IF($C$252=0,"",IF(C244="[for completion]","",IF(C244="","",C244/$C$252)))</f>
        <v/>
      </c>
      <c r="G244" s="174" t="str">
        <f t="shared" ref="G244:G251" si="4">IF($D$252=0,"",IF(D244="[for completion]","",IF(D244="","",D244/$D$252)))</f>
        <v/>
      </c>
    </row>
    <row r="245" spans="1:7" x14ac:dyDescent="0.3">
      <c r="A245" s="156" t="s">
        <v>2449</v>
      </c>
      <c r="B245" s="156" t="s">
        <v>1112</v>
      </c>
      <c r="C245" s="193" t="s">
        <v>1057</v>
      </c>
      <c r="D245" s="126" t="s">
        <v>1057</v>
      </c>
      <c r="E245" s="156"/>
      <c r="F245" s="174" t="str">
        <f t="shared" si="3"/>
        <v/>
      </c>
      <c r="G245" s="174" t="str">
        <f t="shared" si="4"/>
        <v/>
      </c>
    </row>
    <row r="246" spans="1:7" x14ac:dyDescent="0.3">
      <c r="A246" s="156" t="s">
        <v>2450</v>
      </c>
      <c r="B246" s="156" t="s">
        <v>1114</v>
      </c>
      <c r="C246" s="193" t="s">
        <v>1057</v>
      </c>
      <c r="D246" s="126" t="s">
        <v>1057</v>
      </c>
      <c r="E246" s="156"/>
      <c r="F246" s="174" t="str">
        <f t="shared" si="3"/>
        <v/>
      </c>
      <c r="G246" s="174" t="str">
        <f t="shared" si="4"/>
        <v/>
      </c>
    </row>
    <row r="247" spans="1:7" x14ac:dyDescent="0.3">
      <c r="A247" s="156" t="s">
        <v>2451</v>
      </c>
      <c r="B247" s="156" t="s">
        <v>1116</v>
      </c>
      <c r="C247" s="193" t="s">
        <v>1057</v>
      </c>
      <c r="D247" s="126" t="s">
        <v>1057</v>
      </c>
      <c r="E247" s="156"/>
      <c r="F247" s="174" t="str">
        <f t="shared" si="3"/>
        <v/>
      </c>
      <c r="G247" s="174" t="str">
        <f t="shared" si="4"/>
        <v/>
      </c>
    </row>
    <row r="248" spans="1:7" x14ac:dyDescent="0.3">
      <c r="A248" s="156" t="s">
        <v>2452</v>
      </c>
      <c r="B248" s="156" t="s">
        <v>1118</v>
      </c>
      <c r="C248" s="193" t="s">
        <v>1057</v>
      </c>
      <c r="D248" s="126" t="s">
        <v>1057</v>
      </c>
      <c r="E248" s="156"/>
      <c r="F248" s="174" t="str">
        <f t="shared" si="3"/>
        <v/>
      </c>
      <c r="G248" s="174" t="str">
        <f t="shared" si="4"/>
        <v/>
      </c>
    </row>
    <row r="249" spans="1:7" x14ac:dyDescent="0.3">
      <c r="A249" s="156" t="s">
        <v>2453</v>
      </c>
      <c r="B249" s="156" t="s">
        <v>1120</v>
      </c>
      <c r="C249" s="193" t="s">
        <v>1057</v>
      </c>
      <c r="D249" s="126" t="s">
        <v>1057</v>
      </c>
      <c r="E249" s="156"/>
      <c r="F249" s="174" t="str">
        <f t="shared" si="3"/>
        <v/>
      </c>
      <c r="G249" s="174" t="str">
        <f t="shared" si="4"/>
        <v/>
      </c>
    </row>
    <row r="250" spans="1:7" x14ac:dyDescent="0.3">
      <c r="A250" s="156" t="s">
        <v>2454</v>
      </c>
      <c r="B250" s="156" t="s">
        <v>1122</v>
      </c>
      <c r="C250" s="193" t="s">
        <v>1057</v>
      </c>
      <c r="D250" s="126" t="s">
        <v>1057</v>
      </c>
      <c r="E250" s="156"/>
      <c r="F250" s="174" t="str">
        <f t="shared" si="3"/>
        <v/>
      </c>
      <c r="G250" s="174" t="str">
        <f t="shared" si="4"/>
        <v/>
      </c>
    </row>
    <row r="251" spans="1:7" x14ac:dyDescent="0.3">
      <c r="A251" s="156" t="s">
        <v>2455</v>
      </c>
      <c r="B251" s="156" t="s">
        <v>1124</v>
      </c>
      <c r="C251" s="193" t="s">
        <v>1057</v>
      </c>
      <c r="D251" s="126" t="s">
        <v>1057</v>
      </c>
      <c r="E251" s="156"/>
      <c r="F251" s="174" t="str">
        <f t="shared" si="3"/>
        <v/>
      </c>
      <c r="G251" s="174" t="str">
        <f t="shared" si="4"/>
        <v/>
      </c>
    </row>
    <row r="252" spans="1:7" x14ac:dyDescent="0.3">
      <c r="A252" s="156" t="s">
        <v>2456</v>
      </c>
      <c r="B252" s="115" t="s">
        <v>366</v>
      </c>
      <c r="C252" s="170">
        <f>SUM(C244:C251)</f>
        <v>0</v>
      </c>
      <c r="D252" s="147">
        <f>SUM(D244:D251)</f>
        <v>0</v>
      </c>
      <c r="E252" s="156"/>
      <c r="F252" s="175">
        <f>SUM(F241:F251)</f>
        <v>0</v>
      </c>
      <c r="G252" s="175">
        <f>SUM(G241:G251)</f>
        <v>0</v>
      </c>
    </row>
    <row r="253" spans="1:7" x14ac:dyDescent="0.3">
      <c r="A253" s="156" t="s">
        <v>2457</v>
      </c>
      <c r="B253" s="106" t="s">
        <v>1127</v>
      </c>
      <c r="C253" s="193"/>
      <c r="D253" s="126"/>
      <c r="E253" s="156"/>
      <c r="F253" s="174"/>
      <c r="G253" s="174"/>
    </row>
    <row r="254" spans="1:7" x14ac:dyDescent="0.3">
      <c r="A254" s="156" t="s">
        <v>2458</v>
      </c>
      <c r="B254" s="106" t="s">
        <v>1129</v>
      </c>
      <c r="C254" s="193"/>
      <c r="D254" s="126"/>
      <c r="E254" s="156"/>
      <c r="F254" s="174"/>
      <c r="G254" s="174"/>
    </row>
    <row r="255" spans="1:7" x14ac:dyDescent="0.3">
      <c r="A255" s="156" t="s">
        <v>2459</v>
      </c>
      <c r="B255" s="106" t="s">
        <v>1131</v>
      </c>
      <c r="C255" s="193"/>
      <c r="D255" s="126"/>
      <c r="E255" s="156"/>
      <c r="F255" s="174"/>
      <c r="G255" s="174"/>
    </row>
    <row r="256" spans="1:7" x14ac:dyDescent="0.3">
      <c r="A256" s="156" t="s">
        <v>2460</v>
      </c>
      <c r="B256" s="106" t="s">
        <v>1133</v>
      </c>
      <c r="C256" s="193"/>
      <c r="D256" s="126"/>
      <c r="E256" s="156"/>
      <c r="F256" s="174"/>
      <c r="G256" s="174"/>
    </row>
    <row r="257" spans="1:7" x14ac:dyDescent="0.3">
      <c r="A257" s="156" t="s">
        <v>2461</v>
      </c>
      <c r="B257" s="106" t="s">
        <v>1135</v>
      </c>
      <c r="C257" s="193"/>
      <c r="D257" s="126"/>
      <c r="E257" s="156"/>
      <c r="F257" s="174"/>
      <c r="G257" s="174"/>
    </row>
    <row r="258" spans="1:7" x14ac:dyDescent="0.3">
      <c r="A258" s="156" t="s">
        <v>2462</v>
      </c>
      <c r="B258" s="106" t="s">
        <v>1137</v>
      </c>
      <c r="C258" s="193"/>
      <c r="D258" s="126"/>
      <c r="E258" s="156"/>
      <c r="F258" s="174"/>
      <c r="G258" s="174"/>
    </row>
    <row r="259" spans="1:7" x14ac:dyDescent="0.3">
      <c r="A259" s="156" t="s">
        <v>2463</v>
      </c>
      <c r="B259" s="106"/>
      <c r="C259" s="156"/>
      <c r="D259" s="156"/>
      <c r="E259" s="156"/>
      <c r="F259" s="174"/>
      <c r="G259" s="174"/>
    </row>
    <row r="260" spans="1:7" x14ac:dyDescent="0.3">
      <c r="A260" s="156" t="s">
        <v>2464</v>
      </c>
      <c r="B260" s="106"/>
      <c r="C260" s="156"/>
      <c r="D260" s="156"/>
      <c r="E260" s="156"/>
      <c r="F260" s="174"/>
      <c r="G260" s="174"/>
    </row>
    <row r="261" spans="1:7" x14ac:dyDescent="0.3">
      <c r="A261" s="156" t="s">
        <v>2465</v>
      </c>
      <c r="B261" s="106"/>
      <c r="C261" s="156"/>
      <c r="D261" s="156"/>
      <c r="E261" s="156"/>
      <c r="F261" s="174"/>
      <c r="G261" s="174"/>
    </row>
    <row r="262" spans="1:7" x14ac:dyDescent="0.3">
      <c r="A262" s="103"/>
      <c r="B262" s="103" t="s">
        <v>1141</v>
      </c>
      <c r="C262" s="103" t="s">
        <v>1062</v>
      </c>
      <c r="D262" s="103" t="s">
        <v>1063</v>
      </c>
      <c r="E262" s="103"/>
      <c r="F262" s="103" t="s">
        <v>858</v>
      </c>
      <c r="G262" s="103" t="s">
        <v>1064</v>
      </c>
    </row>
    <row r="263" spans="1:7" x14ac:dyDescent="0.3">
      <c r="A263" s="156" t="s">
        <v>2466</v>
      </c>
      <c r="B263" s="156" t="s">
        <v>1107</v>
      </c>
      <c r="C263" s="191" t="s">
        <v>1144</v>
      </c>
      <c r="D263" s="156"/>
      <c r="E263" s="156"/>
      <c r="F263" s="188"/>
      <c r="G263" s="188"/>
    </row>
    <row r="264" spans="1:7" x14ac:dyDescent="0.3">
      <c r="A264" s="156"/>
      <c r="B264" s="156"/>
      <c r="C264" s="156"/>
      <c r="D264" s="156"/>
      <c r="E264" s="156"/>
      <c r="F264" s="188"/>
      <c r="G264" s="188"/>
    </row>
    <row r="265" spans="1:7" x14ac:dyDescent="0.3">
      <c r="A265" s="156"/>
      <c r="B265" s="151" t="s">
        <v>1108</v>
      </c>
      <c r="C265" s="156"/>
      <c r="D265" s="156"/>
      <c r="E265" s="156"/>
      <c r="F265" s="188"/>
      <c r="G265" s="188"/>
    </row>
    <row r="266" spans="1:7" x14ac:dyDescent="0.3">
      <c r="A266" s="156" t="s">
        <v>2467</v>
      </c>
      <c r="B266" s="156" t="s">
        <v>1110</v>
      </c>
      <c r="C266" s="193" t="s">
        <v>1144</v>
      </c>
      <c r="D266" s="126" t="s">
        <v>1144</v>
      </c>
      <c r="E266" s="156"/>
      <c r="F266" s="174" t="str">
        <f t="shared" ref="F266:F273" si="5">IF($C$274=0,"",IF(C266="[for completion]","",IF(C266="","",C266/$C$274)))</f>
        <v/>
      </c>
      <c r="G266" s="174" t="str">
        <f t="shared" ref="G266:G273" si="6">IF($D$274=0,"",IF(D266="[for completion]","",IF(D266="","",D266/$D$274)))</f>
        <v/>
      </c>
    </row>
    <row r="267" spans="1:7" x14ac:dyDescent="0.3">
      <c r="A267" s="156" t="s">
        <v>2468</v>
      </c>
      <c r="B267" s="156" t="s">
        <v>1112</v>
      </c>
      <c r="C267" s="193" t="s">
        <v>1144</v>
      </c>
      <c r="D267" s="126" t="s">
        <v>1144</v>
      </c>
      <c r="E267" s="156"/>
      <c r="F267" s="174" t="str">
        <f t="shared" si="5"/>
        <v/>
      </c>
      <c r="G267" s="174" t="str">
        <f t="shared" si="6"/>
        <v/>
      </c>
    </row>
    <row r="268" spans="1:7" x14ac:dyDescent="0.3">
      <c r="A268" s="156" t="s">
        <v>2469</v>
      </c>
      <c r="B268" s="156" t="s">
        <v>1114</v>
      </c>
      <c r="C268" s="193" t="s">
        <v>1144</v>
      </c>
      <c r="D268" s="126" t="s">
        <v>1144</v>
      </c>
      <c r="E268" s="156"/>
      <c r="F268" s="174" t="str">
        <f t="shared" si="5"/>
        <v/>
      </c>
      <c r="G268" s="174" t="str">
        <f t="shared" si="6"/>
        <v/>
      </c>
    </row>
    <row r="269" spans="1:7" x14ac:dyDescent="0.3">
      <c r="A269" s="156" t="s">
        <v>2470</v>
      </c>
      <c r="B269" s="156" t="s">
        <v>1116</v>
      </c>
      <c r="C269" s="193" t="s">
        <v>1144</v>
      </c>
      <c r="D269" s="126" t="s">
        <v>1144</v>
      </c>
      <c r="E269" s="156"/>
      <c r="F269" s="174" t="str">
        <f t="shared" si="5"/>
        <v/>
      </c>
      <c r="G269" s="174" t="str">
        <f t="shared" si="6"/>
        <v/>
      </c>
    </row>
    <row r="270" spans="1:7" x14ac:dyDescent="0.3">
      <c r="A270" s="156" t="s">
        <v>2471</v>
      </c>
      <c r="B270" s="156" t="s">
        <v>1118</v>
      </c>
      <c r="C270" s="193" t="s">
        <v>1144</v>
      </c>
      <c r="D270" s="126" t="s">
        <v>1144</v>
      </c>
      <c r="E270" s="156"/>
      <c r="F270" s="174" t="str">
        <f t="shared" si="5"/>
        <v/>
      </c>
      <c r="G270" s="174" t="str">
        <f t="shared" si="6"/>
        <v/>
      </c>
    </row>
    <row r="271" spans="1:7" x14ac:dyDescent="0.3">
      <c r="A271" s="156" t="s">
        <v>2472</v>
      </c>
      <c r="B271" s="156" t="s">
        <v>1120</v>
      </c>
      <c r="C271" s="193" t="s">
        <v>1144</v>
      </c>
      <c r="D271" s="126" t="s">
        <v>1144</v>
      </c>
      <c r="E271" s="156"/>
      <c r="F271" s="174" t="str">
        <f t="shared" si="5"/>
        <v/>
      </c>
      <c r="G271" s="174" t="str">
        <f t="shared" si="6"/>
        <v/>
      </c>
    </row>
    <row r="272" spans="1:7" x14ac:dyDescent="0.3">
      <c r="A272" s="156" t="s">
        <v>2473</v>
      </c>
      <c r="B272" s="156" t="s">
        <v>1122</v>
      </c>
      <c r="C272" s="193" t="s">
        <v>1144</v>
      </c>
      <c r="D272" s="126" t="s">
        <v>1144</v>
      </c>
      <c r="E272" s="156"/>
      <c r="F272" s="174" t="str">
        <f t="shared" si="5"/>
        <v/>
      </c>
      <c r="G272" s="174" t="str">
        <f t="shared" si="6"/>
        <v/>
      </c>
    </row>
    <row r="273" spans="1:7" x14ac:dyDescent="0.3">
      <c r="A273" s="156" t="s">
        <v>2474</v>
      </c>
      <c r="B273" s="156" t="s">
        <v>1124</v>
      </c>
      <c r="C273" s="193" t="s">
        <v>1144</v>
      </c>
      <c r="D273" s="126" t="s">
        <v>1144</v>
      </c>
      <c r="E273" s="156"/>
      <c r="F273" s="174" t="str">
        <f t="shared" si="5"/>
        <v/>
      </c>
      <c r="G273" s="174" t="str">
        <f t="shared" si="6"/>
        <v/>
      </c>
    </row>
    <row r="274" spans="1:7" x14ac:dyDescent="0.3">
      <c r="A274" s="156" t="s">
        <v>2475</v>
      </c>
      <c r="B274" s="115" t="s">
        <v>366</v>
      </c>
      <c r="C274" s="170">
        <f>SUM(C266:C273)</f>
        <v>0</v>
      </c>
      <c r="D274" s="147">
        <f>SUM(D266:D273)</f>
        <v>0</v>
      </c>
      <c r="E274" s="156"/>
      <c r="F274" s="175">
        <f>SUM(F266:F273)</f>
        <v>0</v>
      </c>
      <c r="G274" s="175">
        <f>SUM(G266:G273)</f>
        <v>0</v>
      </c>
    </row>
    <row r="275" spans="1:7" x14ac:dyDescent="0.3">
      <c r="A275" s="156" t="s">
        <v>2476</v>
      </c>
      <c r="B275" s="106" t="s">
        <v>1127</v>
      </c>
      <c r="C275" s="193"/>
      <c r="D275" s="126"/>
      <c r="E275" s="156"/>
      <c r="F275" s="174"/>
      <c r="G275" s="174"/>
    </row>
    <row r="276" spans="1:7" x14ac:dyDescent="0.3">
      <c r="A276" s="156" t="s">
        <v>2477</v>
      </c>
      <c r="B276" s="106" t="s">
        <v>1129</v>
      </c>
      <c r="C276" s="193"/>
      <c r="D276" s="126"/>
      <c r="E276" s="156"/>
      <c r="F276" s="174"/>
      <c r="G276" s="174"/>
    </row>
    <row r="277" spans="1:7" x14ac:dyDescent="0.3">
      <c r="A277" s="156" t="s">
        <v>2478</v>
      </c>
      <c r="B277" s="106" t="s">
        <v>1131</v>
      </c>
      <c r="C277" s="193"/>
      <c r="D277" s="126"/>
      <c r="E277" s="156"/>
      <c r="F277" s="174"/>
      <c r="G277" s="174"/>
    </row>
    <row r="278" spans="1:7" x14ac:dyDescent="0.3">
      <c r="A278" s="156" t="s">
        <v>2479</v>
      </c>
      <c r="B278" s="106" t="s">
        <v>1133</v>
      </c>
      <c r="C278" s="193"/>
      <c r="D278" s="126"/>
      <c r="E278" s="156"/>
      <c r="F278" s="174"/>
      <c r="G278" s="174"/>
    </row>
    <row r="279" spans="1:7" x14ac:dyDescent="0.3">
      <c r="A279" s="156" t="s">
        <v>2480</v>
      </c>
      <c r="B279" s="106" t="s">
        <v>1135</v>
      </c>
      <c r="C279" s="193"/>
      <c r="D279" s="126"/>
      <c r="E279" s="156"/>
      <c r="F279" s="174"/>
      <c r="G279" s="174"/>
    </row>
    <row r="280" spans="1:7" x14ac:dyDescent="0.3">
      <c r="A280" s="156" t="s">
        <v>2481</v>
      </c>
      <c r="B280" s="106" t="s">
        <v>1137</v>
      </c>
      <c r="C280" s="193"/>
      <c r="D280" s="126"/>
      <c r="E280" s="156"/>
      <c r="F280" s="174"/>
      <c r="G280" s="174"/>
    </row>
    <row r="281" spans="1:7" x14ac:dyDescent="0.3">
      <c r="A281" s="156" t="s">
        <v>2482</v>
      </c>
      <c r="B281" s="106"/>
      <c r="C281" s="156"/>
      <c r="D281" s="156"/>
      <c r="E281" s="156"/>
      <c r="F281" s="117"/>
      <c r="G281" s="117"/>
    </row>
    <row r="282" spans="1:7" x14ac:dyDescent="0.3">
      <c r="A282" s="156" t="s">
        <v>2483</v>
      </c>
      <c r="B282" s="106"/>
      <c r="C282" s="156"/>
      <c r="D282" s="156"/>
      <c r="E282" s="156"/>
      <c r="F282" s="117"/>
      <c r="G282" s="117"/>
    </row>
    <row r="283" spans="1:7" x14ac:dyDescent="0.3">
      <c r="A283" s="156" t="s">
        <v>2484</v>
      </c>
      <c r="B283" s="106"/>
      <c r="C283" s="156"/>
      <c r="D283" s="156"/>
      <c r="E283" s="156"/>
      <c r="F283" s="117"/>
      <c r="G283" s="117"/>
    </row>
    <row r="284" spans="1:7" x14ac:dyDescent="0.3">
      <c r="A284" s="103"/>
      <c r="B284" s="103" t="s">
        <v>1162</v>
      </c>
      <c r="C284" s="103" t="s">
        <v>858</v>
      </c>
      <c r="D284" s="103"/>
      <c r="E284" s="103"/>
      <c r="F284" s="103"/>
      <c r="G284" s="103"/>
    </row>
    <row r="285" spans="1:7" x14ac:dyDescent="0.3">
      <c r="A285" s="156" t="s">
        <v>2485</v>
      </c>
      <c r="B285" s="156" t="s">
        <v>1164</v>
      </c>
      <c r="C285" s="191" t="s">
        <v>1057</v>
      </c>
      <c r="D285" s="156"/>
      <c r="E285" s="114"/>
      <c r="F285" s="114"/>
      <c r="G285" s="114"/>
    </row>
    <row r="286" spans="1:7" x14ac:dyDescent="0.3">
      <c r="A286" s="156" t="s">
        <v>2486</v>
      </c>
      <c r="B286" s="156" t="s">
        <v>1167</v>
      </c>
      <c r="C286" s="191" t="s">
        <v>1057</v>
      </c>
      <c r="D286" s="156"/>
      <c r="E286" s="114"/>
      <c r="F286" s="114"/>
      <c r="G286" s="128"/>
    </row>
    <row r="287" spans="1:7" x14ac:dyDescent="0.3">
      <c r="A287" s="156" t="s">
        <v>2487</v>
      </c>
      <c r="B287" s="156" t="s">
        <v>1169</v>
      </c>
      <c r="C287" s="191" t="s">
        <v>1057</v>
      </c>
      <c r="D287" s="156"/>
      <c r="E287" s="114"/>
      <c r="F287" s="114"/>
      <c r="G287" s="128"/>
    </row>
    <row r="288" spans="1:7" x14ac:dyDescent="0.3">
      <c r="A288" s="156" t="s">
        <v>2488</v>
      </c>
      <c r="B288" s="156" t="s">
        <v>2489</v>
      </c>
      <c r="C288" s="191" t="s">
        <v>1057</v>
      </c>
      <c r="D288" s="156"/>
      <c r="E288" s="114"/>
      <c r="F288" s="114"/>
      <c r="G288" s="128"/>
    </row>
    <row r="289" spans="1:7" x14ac:dyDescent="0.3">
      <c r="A289" s="156" t="s">
        <v>2490</v>
      </c>
      <c r="B289" s="151" t="s">
        <v>1173</v>
      </c>
      <c r="C289" s="191" t="s">
        <v>1057</v>
      </c>
      <c r="D289" s="129"/>
      <c r="E289" s="129"/>
      <c r="F289" s="94"/>
      <c r="G289" s="94"/>
    </row>
    <row r="290" spans="1:7" x14ac:dyDescent="0.3">
      <c r="A290" s="156" t="s">
        <v>2491</v>
      </c>
      <c r="B290" s="156" t="s">
        <v>364</v>
      </c>
      <c r="C290" s="191" t="s">
        <v>1057</v>
      </c>
      <c r="D290" s="156"/>
      <c r="E290" s="114"/>
      <c r="F290" s="114"/>
      <c r="G290" s="128"/>
    </row>
    <row r="291" spans="1:7" x14ac:dyDescent="0.3">
      <c r="A291" s="156" t="s">
        <v>2492</v>
      </c>
      <c r="B291" s="106" t="s">
        <v>1176</v>
      </c>
      <c r="C291" s="198"/>
      <c r="D291" s="156"/>
      <c r="E291" s="114"/>
      <c r="F291" s="114"/>
      <c r="G291" s="128"/>
    </row>
    <row r="292" spans="1:7" x14ac:dyDescent="0.3">
      <c r="A292" s="156" t="s">
        <v>2493</v>
      </c>
      <c r="B292" s="106" t="s">
        <v>1178</v>
      </c>
      <c r="C292" s="191"/>
      <c r="D292" s="156"/>
      <c r="E292" s="114"/>
      <c r="F292" s="114"/>
      <c r="G292" s="128"/>
    </row>
    <row r="293" spans="1:7" x14ac:dyDescent="0.3">
      <c r="A293" s="156" t="s">
        <v>2494</v>
      </c>
      <c r="B293" s="106" t="s">
        <v>1180</v>
      </c>
      <c r="C293" s="191"/>
      <c r="D293" s="156"/>
      <c r="E293" s="114"/>
      <c r="F293" s="114"/>
      <c r="G293" s="128"/>
    </row>
    <row r="294" spans="1:7" x14ac:dyDescent="0.3">
      <c r="A294" s="156" t="s">
        <v>2495</v>
      </c>
      <c r="B294" s="106" t="s">
        <v>1182</v>
      </c>
      <c r="C294" s="191"/>
      <c r="D294" s="156"/>
      <c r="E294" s="114"/>
      <c r="F294" s="114"/>
      <c r="G294" s="128"/>
    </row>
    <row r="295" spans="1:7" x14ac:dyDescent="0.3">
      <c r="A295" s="156" t="s">
        <v>2496</v>
      </c>
      <c r="B295" s="127" t="s">
        <v>368</v>
      </c>
      <c r="C295" s="191"/>
      <c r="D295" s="156"/>
      <c r="E295" s="114"/>
      <c r="F295" s="114"/>
      <c r="G295" s="128"/>
    </row>
    <row r="296" spans="1:7" x14ac:dyDescent="0.3">
      <c r="A296" s="156" t="s">
        <v>2497</v>
      </c>
      <c r="B296" s="127" t="s">
        <v>368</v>
      </c>
      <c r="C296" s="191"/>
      <c r="D296" s="156"/>
      <c r="E296" s="114"/>
      <c r="F296" s="114"/>
      <c r="G296" s="128"/>
    </row>
    <row r="297" spans="1:7" x14ac:dyDescent="0.3">
      <c r="A297" s="156" t="s">
        <v>2498</v>
      </c>
      <c r="B297" s="127" t="s">
        <v>368</v>
      </c>
      <c r="C297" s="191"/>
      <c r="D297" s="156"/>
      <c r="E297" s="114"/>
      <c r="F297" s="114"/>
      <c r="G297" s="128"/>
    </row>
    <row r="298" spans="1:7" x14ac:dyDescent="0.3">
      <c r="A298" s="156" t="s">
        <v>2499</v>
      </c>
      <c r="B298" s="127" t="s">
        <v>368</v>
      </c>
      <c r="C298" s="191"/>
      <c r="D298" s="156"/>
      <c r="E298" s="114"/>
      <c r="F298" s="114"/>
      <c r="G298" s="128"/>
    </row>
    <row r="299" spans="1:7" x14ac:dyDescent="0.3">
      <c r="A299" s="156" t="s">
        <v>2500</v>
      </c>
      <c r="B299" s="127" t="s">
        <v>368</v>
      </c>
      <c r="C299" s="191"/>
      <c r="D299" s="156"/>
      <c r="E299" s="114"/>
      <c r="F299" s="114"/>
      <c r="G299" s="128"/>
    </row>
    <row r="300" spans="1:7" x14ac:dyDescent="0.3">
      <c r="A300" s="156" t="s">
        <v>2501</v>
      </c>
      <c r="B300" s="127" t="s">
        <v>368</v>
      </c>
      <c r="C300" s="191"/>
      <c r="D300" s="156"/>
      <c r="E300" s="114"/>
      <c r="F300" s="114"/>
      <c r="G300" s="128"/>
    </row>
    <row r="301" spans="1:7" x14ac:dyDescent="0.3">
      <c r="A301" s="103"/>
      <c r="B301" s="103" t="s">
        <v>1189</v>
      </c>
      <c r="C301" s="103" t="s">
        <v>858</v>
      </c>
      <c r="D301" s="103"/>
      <c r="E301" s="103"/>
      <c r="F301" s="103"/>
      <c r="G301" s="103"/>
    </row>
    <row r="302" spans="1:7" x14ac:dyDescent="0.3">
      <c r="A302" s="156" t="s">
        <v>2502</v>
      </c>
      <c r="B302" s="156" t="s">
        <v>1191</v>
      </c>
      <c r="C302" s="191" t="s">
        <v>1057</v>
      </c>
      <c r="D302" s="156"/>
      <c r="E302" s="128"/>
      <c r="F302" s="128"/>
      <c r="G302" s="128"/>
    </row>
    <row r="303" spans="1:7" x14ac:dyDescent="0.3">
      <c r="A303" s="156" t="s">
        <v>2503</v>
      </c>
      <c r="B303" s="156" t="s">
        <v>1193</v>
      </c>
      <c r="C303" s="191" t="s">
        <v>1057</v>
      </c>
      <c r="D303" s="156"/>
      <c r="E303" s="128"/>
      <c r="F303" s="128"/>
      <c r="G303" s="128"/>
    </row>
    <row r="304" spans="1:7" x14ac:dyDescent="0.3">
      <c r="A304" s="156" t="s">
        <v>2504</v>
      </c>
      <c r="B304" s="156" t="s">
        <v>364</v>
      </c>
      <c r="C304" s="191" t="s">
        <v>1057</v>
      </c>
      <c r="D304" s="156"/>
      <c r="E304" s="128"/>
      <c r="F304" s="128"/>
      <c r="G304" s="128"/>
    </row>
    <row r="305" spans="1:7" x14ac:dyDescent="0.3">
      <c r="A305" s="156" t="s">
        <v>2505</v>
      </c>
      <c r="B305" s="156"/>
      <c r="C305" s="173"/>
      <c r="D305" s="156"/>
      <c r="E305" s="128"/>
      <c r="F305" s="128"/>
      <c r="G305" s="128"/>
    </row>
    <row r="306" spans="1:7" x14ac:dyDescent="0.3">
      <c r="A306" s="156" t="s">
        <v>2506</v>
      </c>
      <c r="B306" s="156"/>
      <c r="C306" s="173"/>
      <c r="D306" s="156"/>
      <c r="E306" s="128"/>
      <c r="F306" s="128"/>
      <c r="G306" s="128"/>
    </row>
    <row r="307" spans="1:7" x14ac:dyDescent="0.3">
      <c r="A307" s="156" t="s">
        <v>2507</v>
      </c>
      <c r="B307" s="156"/>
      <c r="C307" s="173"/>
      <c r="D307" s="156"/>
      <c r="E307" s="128"/>
      <c r="F307" s="128"/>
      <c r="G307" s="128"/>
    </row>
    <row r="308" spans="1:7" x14ac:dyDescent="0.3">
      <c r="A308" s="103"/>
      <c r="B308" s="103" t="s">
        <v>2508</v>
      </c>
      <c r="C308" s="103" t="s">
        <v>325</v>
      </c>
      <c r="D308" s="103" t="s">
        <v>1202</v>
      </c>
      <c r="E308" s="103"/>
      <c r="F308" s="103" t="s">
        <v>858</v>
      </c>
      <c r="G308" s="103" t="s">
        <v>1203</v>
      </c>
    </row>
    <row r="309" spans="1:7" x14ac:dyDescent="0.3">
      <c r="A309" s="156" t="s">
        <v>2509</v>
      </c>
      <c r="B309" s="136" t="s">
        <v>1205</v>
      </c>
      <c r="C309" s="193" t="s">
        <v>1057</v>
      </c>
      <c r="D309" s="126" t="s">
        <v>1057</v>
      </c>
      <c r="E309" s="145"/>
      <c r="F309" s="174" t="str">
        <f t="shared" ref="F309:F326" si="7">IF($C$327=0,"",IF(C309="[for completion]","",IF(C309="","",C309/$C$327)))</f>
        <v/>
      </c>
      <c r="G309" s="174" t="str">
        <f t="shared" ref="G309:G326" si="8">IF($D$327=0,"",IF(D309="[for completion]","",IF(D309="","",D309/$D$327)))</f>
        <v/>
      </c>
    </row>
    <row r="310" spans="1:7" x14ac:dyDescent="0.3">
      <c r="A310" s="156" t="s">
        <v>2510</v>
      </c>
      <c r="B310" s="136" t="s">
        <v>1205</v>
      </c>
      <c r="C310" s="193" t="s">
        <v>1057</v>
      </c>
      <c r="D310" s="126" t="s">
        <v>1057</v>
      </c>
      <c r="E310" s="145"/>
      <c r="F310" s="174" t="str">
        <f t="shared" si="7"/>
        <v/>
      </c>
      <c r="G310" s="174" t="str">
        <f t="shared" si="8"/>
        <v/>
      </c>
    </row>
    <row r="311" spans="1:7" x14ac:dyDescent="0.3">
      <c r="A311" s="156" t="s">
        <v>2511</v>
      </c>
      <c r="B311" s="136" t="s">
        <v>1205</v>
      </c>
      <c r="C311" s="193" t="s">
        <v>1057</v>
      </c>
      <c r="D311" s="126" t="s">
        <v>1057</v>
      </c>
      <c r="E311" s="145"/>
      <c r="F311" s="174" t="str">
        <f t="shared" si="7"/>
        <v/>
      </c>
      <c r="G311" s="174" t="str">
        <f t="shared" si="8"/>
        <v/>
      </c>
    </row>
    <row r="312" spans="1:7" x14ac:dyDescent="0.3">
      <c r="A312" s="156" t="s">
        <v>2512</v>
      </c>
      <c r="B312" s="136" t="s">
        <v>1205</v>
      </c>
      <c r="C312" s="193" t="s">
        <v>1057</v>
      </c>
      <c r="D312" s="126" t="s">
        <v>1057</v>
      </c>
      <c r="E312" s="145"/>
      <c r="F312" s="174" t="str">
        <f t="shared" si="7"/>
        <v/>
      </c>
      <c r="G312" s="174" t="str">
        <f t="shared" si="8"/>
        <v/>
      </c>
    </row>
    <row r="313" spans="1:7" x14ac:dyDescent="0.3">
      <c r="A313" s="156" t="s">
        <v>2513</v>
      </c>
      <c r="B313" s="136" t="s">
        <v>1205</v>
      </c>
      <c r="C313" s="193" t="s">
        <v>1057</v>
      </c>
      <c r="D313" s="126" t="s">
        <v>1057</v>
      </c>
      <c r="E313" s="145"/>
      <c r="F313" s="174" t="str">
        <f t="shared" si="7"/>
        <v/>
      </c>
      <c r="G313" s="174" t="str">
        <f t="shared" si="8"/>
        <v/>
      </c>
    </row>
    <row r="314" spans="1:7" x14ac:dyDescent="0.3">
      <c r="A314" s="156" t="s">
        <v>2514</v>
      </c>
      <c r="B314" s="136" t="s">
        <v>1205</v>
      </c>
      <c r="C314" s="193" t="s">
        <v>1057</v>
      </c>
      <c r="D314" s="126" t="s">
        <v>1057</v>
      </c>
      <c r="E314" s="145"/>
      <c r="F314" s="174" t="str">
        <f t="shared" si="7"/>
        <v/>
      </c>
      <c r="G314" s="174" t="str">
        <f t="shared" si="8"/>
        <v/>
      </c>
    </row>
    <row r="315" spans="1:7" x14ac:dyDescent="0.3">
      <c r="A315" s="156" t="s">
        <v>2515</v>
      </c>
      <c r="B315" s="136" t="s">
        <v>1205</v>
      </c>
      <c r="C315" s="193" t="s">
        <v>1057</v>
      </c>
      <c r="D315" s="126" t="s">
        <v>1057</v>
      </c>
      <c r="E315" s="145"/>
      <c r="F315" s="174" t="str">
        <f t="shared" si="7"/>
        <v/>
      </c>
      <c r="G315" s="174" t="str">
        <f t="shared" si="8"/>
        <v/>
      </c>
    </row>
    <row r="316" spans="1:7" x14ac:dyDescent="0.3">
      <c r="A316" s="156" t="s">
        <v>2516</v>
      </c>
      <c r="B316" s="136" t="s">
        <v>1205</v>
      </c>
      <c r="C316" s="193" t="s">
        <v>1057</v>
      </c>
      <c r="D316" s="126" t="s">
        <v>1057</v>
      </c>
      <c r="E316" s="145"/>
      <c r="F316" s="174" t="str">
        <f t="shared" si="7"/>
        <v/>
      </c>
      <c r="G316" s="174" t="str">
        <f t="shared" si="8"/>
        <v/>
      </c>
    </row>
    <row r="317" spans="1:7" x14ac:dyDescent="0.3">
      <c r="A317" s="156" t="s">
        <v>2517</v>
      </c>
      <c r="B317" s="136" t="s">
        <v>1205</v>
      </c>
      <c r="C317" s="193" t="s">
        <v>1057</v>
      </c>
      <c r="D317" s="126" t="s">
        <v>1057</v>
      </c>
      <c r="E317" s="145"/>
      <c r="F317" s="174" t="str">
        <f t="shared" si="7"/>
        <v/>
      </c>
      <c r="G317" s="174" t="str">
        <f t="shared" si="8"/>
        <v/>
      </c>
    </row>
    <row r="318" spans="1:7" x14ac:dyDescent="0.3">
      <c r="A318" s="156" t="s">
        <v>2518</v>
      </c>
      <c r="B318" s="136" t="s">
        <v>1205</v>
      </c>
      <c r="C318" s="193" t="s">
        <v>1057</v>
      </c>
      <c r="D318" s="126" t="s">
        <v>1057</v>
      </c>
      <c r="E318" s="145"/>
      <c r="F318" s="174" t="str">
        <f t="shared" si="7"/>
        <v/>
      </c>
      <c r="G318" s="174" t="str">
        <f t="shared" si="8"/>
        <v/>
      </c>
    </row>
    <row r="319" spans="1:7" x14ac:dyDescent="0.3">
      <c r="A319" s="156" t="s">
        <v>2519</v>
      </c>
      <c r="B319" s="136" t="s">
        <v>1205</v>
      </c>
      <c r="C319" s="193" t="s">
        <v>1057</v>
      </c>
      <c r="D319" s="126" t="s">
        <v>1057</v>
      </c>
      <c r="E319" s="145"/>
      <c r="F319" s="174" t="str">
        <f t="shared" si="7"/>
        <v/>
      </c>
      <c r="G319" s="174" t="str">
        <f t="shared" si="8"/>
        <v/>
      </c>
    </row>
    <row r="320" spans="1:7" x14ac:dyDescent="0.3">
      <c r="A320" s="156" t="s">
        <v>2520</v>
      </c>
      <c r="B320" s="136" t="s">
        <v>1205</v>
      </c>
      <c r="C320" s="193" t="s">
        <v>1057</v>
      </c>
      <c r="D320" s="126" t="s">
        <v>1057</v>
      </c>
      <c r="E320" s="145"/>
      <c r="F320" s="174" t="str">
        <f t="shared" si="7"/>
        <v/>
      </c>
      <c r="G320" s="174" t="str">
        <f t="shared" si="8"/>
        <v/>
      </c>
    </row>
    <row r="321" spans="1:7" x14ac:dyDescent="0.3">
      <c r="A321" s="156" t="s">
        <v>2521</v>
      </c>
      <c r="B321" s="136" t="s">
        <v>1205</v>
      </c>
      <c r="C321" s="193" t="s">
        <v>1057</v>
      </c>
      <c r="D321" s="126" t="s">
        <v>1057</v>
      </c>
      <c r="E321" s="145"/>
      <c r="F321" s="174" t="str">
        <f t="shared" si="7"/>
        <v/>
      </c>
      <c r="G321" s="174" t="str">
        <f t="shared" si="8"/>
        <v/>
      </c>
    </row>
    <row r="322" spans="1:7" x14ac:dyDescent="0.3">
      <c r="A322" s="156" t="s">
        <v>2522</v>
      </c>
      <c r="B322" s="136" t="s">
        <v>1205</v>
      </c>
      <c r="C322" s="193" t="s">
        <v>1057</v>
      </c>
      <c r="D322" s="126" t="s">
        <v>1057</v>
      </c>
      <c r="E322" s="145"/>
      <c r="F322" s="174" t="str">
        <f t="shared" si="7"/>
        <v/>
      </c>
      <c r="G322" s="174" t="str">
        <f t="shared" si="8"/>
        <v/>
      </c>
    </row>
    <row r="323" spans="1:7" x14ac:dyDescent="0.3">
      <c r="A323" s="156" t="s">
        <v>2523</v>
      </c>
      <c r="B323" s="136" t="s">
        <v>1205</v>
      </c>
      <c r="C323" s="193" t="s">
        <v>1057</v>
      </c>
      <c r="D323" s="126" t="s">
        <v>1057</v>
      </c>
      <c r="E323" s="145"/>
      <c r="F323" s="174" t="str">
        <f t="shared" si="7"/>
        <v/>
      </c>
      <c r="G323" s="174" t="str">
        <f t="shared" si="8"/>
        <v/>
      </c>
    </row>
    <row r="324" spans="1:7" x14ac:dyDescent="0.3">
      <c r="A324" s="156" t="s">
        <v>2524</v>
      </c>
      <c r="B324" s="136" t="s">
        <v>1205</v>
      </c>
      <c r="C324" s="193" t="s">
        <v>1057</v>
      </c>
      <c r="D324" s="126" t="s">
        <v>1057</v>
      </c>
      <c r="E324" s="145"/>
      <c r="F324" s="174" t="str">
        <f t="shared" si="7"/>
        <v/>
      </c>
      <c r="G324" s="174" t="str">
        <f t="shared" si="8"/>
        <v/>
      </c>
    </row>
    <row r="325" spans="1:7" x14ac:dyDescent="0.3">
      <c r="A325" s="156" t="s">
        <v>2525</v>
      </c>
      <c r="B325" s="136" t="s">
        <v>1205</v>
      </c>
      <c r="C325" s="193" t="s">
        <v>1057</v>
      </c>
      <c r="D325" s="126" t="s">
        <v>1057</v>
      </c>
      <c r="E325" s="145"/>
      <c r="F325" s="174" t="str">
        <f t="shared" si="7"/>
        <v/>
      </c>
      <c r="G325" s="174" t="str">
        <f t="shared" si="8"/>
        <v/>
      </c>
    </row>
    <row r="326" spans="1:7" x14ac:dyDescent="0.3">
      <c r="A326" s="156" t="s">
        <v>2526</v>
      </c>
      <c r="B326" s="151" t="s">
        <v>1223</v>
      </c>
      <c r="C326" s="193" t="s">
        <v>1057</v>
      </c>
      <c r="D326" s="126" t="s">
        <v>1057</v>
      </c>
      <c r="E326" s="145"/>
      <c r="F326" s="174" t="str">
        <f t="shared" si="7"/>
        <v/>
      </c>
      <c r="G326" s="174" t="str">
        <f t="shared" si="8"/>
        <v/>
      </c>
    </row>
    <row r="327" spans="1:7" x14ac:dyDescent="0.3">
      <c r="A327" s="156" t="s">
        <v>2527</v>
      </c>
      <c r="B327" s="151" t="s">
        <v>366</v>
      </c>
      <c r="C327" s="170">
        <f>SUM(C309:C326)</f>
        <v>0</v>
      </c>
      <c r="D327" s="147">
        <f>SUM(D309:D326)</f>
        <v>0</v>
      </c>
      <c r="E327" s="145"/>
      <c r="F327" s="175">
        <f>SUM(F319:F326)</f>
        <v>0</v>
      </c>
      <c r="G327" s="175">
        <f>SUM(G319:G326)</f>
        <v>0</v>
      </c>
    </row>
    <row r="328" spans="1:7" x14ac:dyDescent="0.3">
      <c r="A328" s="156" t="s">
        <v>2528</v>
      </c>
      <c r="B328" s="151"/>
      <c r="C328" s="156"/>
      <c r="D328" s="156"/>
      <c r="E328" s="145"/>
      <c r="F328" s="145"/>
      <c r="G328" s="145"/>
    </row>
    <row r="329" spans="1:7" x14ac:dyDescent="0.3">
      <c r="A329" s="156" t="s">
        <v>2529</v>
      </c>
      <c r="B329" s="151"/>
      <c r="C329" s="156"/>
      <c r="D329" s="156"/>
      <c r="E329" s="145"/>
      <c r="F329" s="145"/>
      <c r="G329" s="145"/>
    </row>
    <row r="330" spans="1:7" x14ac:dyDescent="0.3">
      <c r="A330" s="156" t="s">
        <v>2530</v>
      </c>
      <c r="B330" s="151"/>
      <c r="C330" s="156"/>
      <c r="D330" s="156"/>
      <c r="E330" s="145"/>
      <c r="F330" s="145"/>
      <c r="G330" s="145"/>
    </row>
    <row r="331" spans="1:7" x14ac:dyDescent="0.3">
      <c r="A331" s="103"/>
      <c r="B331" s="103" t="s">
        <v>2531</v>
      </c>
      <c r="C331" s="103" t="s">
        <v>325</v>
      </c>
      <c r="D331" s="103" t="s">
        <v>1202</v>
      </c>
      <c r="E331" s="103"/>
      <c r="F331" s="103" t="s">
        <v>858</v>
      </c>
      <c r="G331" s="103" t="s">
        <v>1203</v>
      </c>
    </row>
    <row r="332" spans="1:7" x14ac:dyDescent="0.3">
      <c r="A332" s="156" t="s">
        <v>2532</v>
      </c>
      <c r="B332" s="136" t="s">
        <v>1205</v>
      </c>
      <c r="C332" s="193" t="s">
        <v>1057</v>
      </c>
      <c r="D332" s="126" t="s">
        <v>1057</v>
      </c>
      <c r="E332" s="145"/>
      <c r="F332" s="174" t="str">
        <f t="shared" ref="F332:F349" si="9">IF($C$350=0,"",IF(C332="[for completion]","",IF(C332="","",C332/$C$350)))</f>
        <v/>
      </c>
      <c r="G332" s="174" t="str">
        <f t="shared" ref="G332:G349" si="10">IF($D$350=0,"",IF(D332="[for completion]","",IF(D332="","",D332/$D$350)))</f>
        <v/>
      </c>
    </row>
    <row r="333" spans="1:7" x14ac:dyDescent="0.3">
      <c r="A333" s="156" t="s">
        <v>2533</v>
      </c>
      <c r="B333" s="136" t="s">
        <v>1205</v>
      </c>
      <c r="C333" s="193" t="s">
        <v>1057</v>
      </c>
      <c r="D333" s="126" t="s">
        <v>1057</v>
      </c>
      <c r="E333" s="145"/>
      <c r="F333" s="174" t="str">
        <f t="shared" si="9"/>
        <v/>
      </c>
      <c r="G333" s="174" t="str">
        <f t="shared" si="10"/>
        <v/>
      </c>
    </row>
    <row r="334" spans="1:7" x14ac:dyDescent="0.3">
      <c r="A334" s="156" t="s">
        <v>2534</v>
      </c>
      <c r="B334" s="136" t="s">
        <v>1205</v>
      </c>
      <c r="C334" s="193" t="s">
        <v>1057</v>
      </c>
      <c r="D334" s="126" t="s">
        <v>1057</v>
      </c>
      <c r="E334" s="145"/>
      <c r="F334" s="174" t="str">
        <f t="shared" si="9"/>
        <v/>
      </c>
      <c r="G334" s="174" t="str">
        <f t="shared" si="10"/>
        <v/>
      </c>
    </row>
    <row r="335" spans="1:7" x14ac:dyDescent="0.3">
      <c r="A335" s="156" t="s">
        <v>2535</v>
      </c>
      <c r="B335" s="136" t="s">
        <v>1205</v>
      </c>
      <c r="C335" s="193" t="s">
        <v>1057</v>
      </c>
      <c r="D335" s="126" t="s">
        <v>1057</v>
      </c>
      <c r="E335" s="145"/>
      <c r="F335" s="174" t="str">
        <f t="shared" si="9"/>
        <v/>
      </c>
      <c r="G335" s="174" t="str">
        <f t="shared" si="10"/>
        <v/>
      </c>
    </row>
    <row r="336" spans="1:7" x14ac:dyDescent="0.3">
      <c r="A336" s="156" t="s">
        <v>2536</v>
      </c>
      <c r="B336" s="136" t="s">
        <v>1205</v>
      </c>
      <c r="C336" s="193" t="s">
        <v>1057</v>
      </c>
      <c r="D336" s="126" t="s">
        <v>1057</v>
      </c>
      <c r="E336" s="145"/>
      <c r="F336" s="174" t="str">
        <f t="shared" si="9"/>
        <v/>
      </c>
      <c r="G336" s="174" t="str">
        <f t="shared" si="10"/>
        <v/>
      </c>
    </row>
    <row r="337" spans="1:7" x14ac:dyDescent="0.3">
      <c r="A337" s="156" t="s">
        <v>2537</v>
      </c>
      <c r="B337" s="136" t="s">
        <v>1205</v>
      </c>
      <c r="C337" s="193" t="s">
        <v>1057</v>
      </c>
      <c r="D337" s="126" t="s">
        <v>1057</v>
      </c>
      <c r="E337" s="145"/>
      <c r="F337" s="174" t="str">
        <f t="shared" si="9"/>
        <v/>
      </c>
      <c r="G337" s="174" t="str">
        <f t="shared" si="10"/>
        <v/>
      </c>
    </row>
    <row r="338" spans="1:7" x14ac:dyDescent="0.3">
      <c r="A338" s="156" t="s">
        <v>2538</v>
      </c>
      <c r="B338" s="136" t="s">
        <v>1205</v>
      </c>
      <c r="C338" s="193" t="s">
        <v>1057</v>
      </c>
      <c r="D338" s="126" t="s">
        <v>1057</v>
      </c>
      <c r="E338" s="145"/>
      <c r="F338" s="174" t="str">
        <f t="shared" si="9"/>
        <v/>
      </c>
      <c r="G338" s="174" t="str">
        <f t="shared" si="10"/>
        <v/>
      </c>
    </row>
    <row r="339" spans="1:7" x14ac:dyDescent="0.3">
      <c r="A339" s="156" t="s">
        <v>2539</v>
      </c>
      <c r="B339" s="136" t="s">
        <v>1205</v>
      </c>
      <c r="C339" s="193" t="s">
        <v>1057</v>
      </c>
      <c r="D339" s="126" t="s">
        <v>1057</v>
      </c>
      <c r="E339" s="145"/>
      <c r="F339" s="174" t="str">
        <f t="shared" si="9"/>
        <v/>
      </c>
      <c r="G339" s="174" t="str">
        <f t="shared" si="10"/>
        <v/>
      </c>
    </row>
    <row r="340" spans="1:7" x14ac:dyDescent="0.3">
      <c r="A340" s="156" t="s">
        <v>2540</v>
      </c>
      <c r="B340" s="136" t="s">
        <v>1205</v>
      </c>
      <c r="C340" s="193" t="s">
        <v>1057</v>
      </c>
      <c r="D340" s="126" t="s">
        <v>1057</v>
      </c>
      <c r="E340" s="145"/>
      <c r="F340" s="174" t="str">
        <f t="shared" si="9"/>
        <v/>
      </c>
      <c r="G340" s="174" t="str">
        <f t="shared" si="10"/>
        <v/>
      </c>
    </row>
    <row r="341" spans="1:7" x14ac:dyDescent="0.3">
      <c r="A341" s="156" t="s">
        <v>2541</v>
      </c>
      <c r="B341" s="136" t="s">
        <v>1205</v>
      </c>
      <c r="C341" s="193" t="s">
        <v>1057</v>
      </c>
      <c r="D341" s="126" t="s">
        <v>1057</v>
      </c>
      <c r="E341" s="145"/>
      <c r="F341" s="174" t="str">
        <f t="shared" si="9"/>
        <v/>
      </c>
      <c r="G341" s="174" t="str">
        <f t="shared" si="10"/>
        <v/>
      </c>
    </row>
    <row r="342" spans="1:7" x14ac:dyDescent="0.3">
      <c r="A342" s="156" t="s">
        <v>2542</v>
      </c>
      <c r="B342" s="136" t="s">
        <v>1205</v>
      </c>
      <c r="C342" s="193" t="s">
        <v>1057</v>
      </c>
      <c r="D342" s="126" t="s">
        <v>1057</v>
      </c>
      <c r="E342" s="145"/>
      <c r="F342" s="174" t="str">
        <f t="shared" si="9"/>
        <v/>
      </c>
      <c r="G342" s="174" t="str">
        <f t="shared" si="10"/>
        <v/>
      </c>
    </row>
    <row r="343" spans="1:7" x14ac:dyDescent="0.3">
      <c r="A343" s="156" t="s">
        <v>2543</v>
      </c>
      <c r="B343" s="136" t="s">
        <v>1205</v>
      </c>
      <c r="C343" s="193" t="s">
        <v>1057</v>
      </c>
      <c r="D343" s="126" t="s">
        <v>1057</v>
      </c>
      <c r="E343" s="145"/>
      <c r="F343" s="174" t="str">
        <f t="shared" si="9"/>
        <v/>
      </c>
      <c r="G343" s="174" t="str">
        <f t="shared" si="10"/>
        <v/>
      </c>
    </row>
    <row r="344" spans="1:7" x14ac:dyDescent="0.3">
      <c r="A344" s="156" t="s">
        <v>2544</v>
      </c>
      <c r="B344" s="136" t="s">
        <v>1205</v>
      </c>
      <c r="C344" s="193" t="s">
        <v>1057</v>
      </c>
      <c r="D344" s="126" t="s">
        <v>1057</v>
      </c>
      <c r="E344" s="145"/>
      <c r="F344" s="174" t="str">
        <f t="shared" si="9"/>
        <v/>
      </c>
      <c r="G344" s="174" t="str">
        <f t="shared" si="10"/>
        <v/>
      </c>
    </row>
    <row r="345" spans="1:7" x14ac:dyDescent="0.3">
      <c r="A345" s="156" t="s">
        <v>2545</v>
      </c>
      <c r="B345" s="136" t="s">
        <v>1205</v>
      </c>
      <c r="C345" s="193" t="s">
        <v>1057</v>
      </c>
      <c r="D345" s="126" t="s">
        <v>1057</v>
      </c>
      <c r="E345" s="145"/>
      <c r="F345" s="174" t="str">
        <f t="shared" si="9"/>
        <v/>
      </c>
      <c r="G345" s="174" t="str">
        <f t="shared" si="10"/>
        <v/>
      </c>
    </row>
    <row r="346" spans="1:7" x14ac:dyDescent="0.3">
      <c r="A346" s="156" t="s">
        <v>2546</v>
      </c>
      <c r="B346" s="136" t="s">
        <v>1205</v>
      </c>
      <c r="C346" s="193" t="s">
        <v>1057</v>
      </c>
      <c r="D346" s="126" t="s">
        <v>1057</v>
      </c>
      <c r="E346" s="145"/>
      <c r="F346" s="174" t="str">
        <f t="shared" si="9"/>
        <v/>
      </c>
      <c r="G346" s="174" t="str">
        <f t="shared" si="10"/>
        <v/>
      </c>
    </row>
    <row r="347" spans="1:7" x14ac:dyDescent="0.3">
      <c r="A347" s="156" t="s">
        <v>2547</v>
      </c>
      <c r="B347" s="136" t="s">
        <v>1205</v>
      </c>
      <c r="C347" s="193" t="s">
        <v>1057</v>
      </c>
      <c r="D347" s="126" t="s">
        <v>1057</v>
      </c>
      <c r="E347" s="145"/>
      <c r="F347" s="174" t="str">
        <f t="shared" si="9"/>
        <v/>
      </c>
      <c r="G347" s="174" t="str">
        <f t="shared" si="10"/>
        <v/>
      </c>
    </row>
    <row r="348" spans="1:7" x14ac:dyDescent="0.3">
      <c r="A348" s="156" t="s">
        <v>2548</v>
      </c>
      <c r="B348" s="136" t="s">
        <v>1205</v>
      </c>
      <c r="C348" s="193" t="s">
        <v>1057</v>
      </c>
      <c r="D348" s="126" t="s">
        <v>1057</v>
      </c>
      <c r="E348" s="145"/>
      <c r="F348" s="174" t="str">
        <f t="shared" si="9"/>
        <v/>
      </c>
      <c r="G348" s="174" t="str">
        <f t="shared" si="10"/>
        <v/>
      </c>
    </row>
    <row r="349" spans="1:7" x14ac:dyDescent="0.3">
      <c r="A349" s="156" t="s">
        <v>2549</v>
      </c>
      <c r="B349" s="151" t="s">
        <v>1223</v>
      </c>
      <c r="C349" s="193" t="s">
        <v>1057</v>
      </c>
      <c r="D349" s="126" t="s">
        <v>1057</v>
      </c>
      <c r="E349" s="145"/>
      <c r="F349" s="174" t="str">
        <f t="shared" si="9"/>
        <v/>
      </c>
      <c r="G349" s="174" t="str">
        <f t="shared" si="10"/>
        <v/>
      </c>
    </row>
    <row r="350" spans="1:7" x14ac:dyDescent="0.3">
      <c r="A350" s="156" t="s">
        <v>2550</v>
      </c>
      <c r="B350" s="151" t="s">
        <v>366</v>
      </c>
      <c r="C350" s="170">
        <f>SUM(C332:C349)</f>
        <v>0</v>
      </c>
      <c r="D350" s="147">
        <f>SUM(D332:D349)</f>
        <v>0</v>
      </c>
      <c r="E350" s="145"/>
      <c r="F350" s="175">
        <f>SUM(F332:F349)</f>
        <v>0</v>
      </c>
      <c r="G350" s="175">
        <f>SUM(G332:G349)</f>
        <v>0</v>
      </c>
    </row>
    <row r="351" spans="1:7" x14ac:dyDescent="0.3">
      <c r="A351" s="156" t="s">
        <v>2551</v>
      </c>
      <c r="B351" s="151"/>
      <c r="C351" s="156"/>
      <c r="D351" s="156"/>
      <c r="E351" s="145"/>
      <c r="F351" s="145"/>
      <c r="G351" s="145"/>
    </row>
    <row r="352" spans="1:7" x14ac:dyDescent="0.3">
      <c r="A352" s="156" t="s">
        <v>2552</v>
      </c>
      <c r="B352" s="151"/>
      <c r="C352" s="156"/>
      <c r="D352" s="156"/>
      <c r="E352" s="145"/>
      <c r="F352" s="145"/>
      <c r="G352" s="145"/>
    </row>
    <row r="353" spans="1:7" x14ac:dyDescent="0.3">
      <c r="A353" s="103"/>
      <c r="B353" s="103" t="s">
        <v>2553</v>
      </c>
      <c r="C353" s="103" t="s">
        <v>325</v>
      </c>
      <c r="D353" s="103" t="s">
        <v>1202</v>
      </c>
      <c r="E353" s="103"/>
      <c r="F353" s="103" t="s">
        <v>858</v>
      </c>
      <c r="G353" s="103" t="s">
        <v>2554</v>
      </c>
    </row>
    <row r="354" spans="1:7" x14ac:dyDescent="0.3">
      <c r="A354" s="156" t="s">
        <v>2555</v>
      </c>
      <c r="B354" s="151" t="s">
        <v>1253</v>
      </c>
      <c r="C354" s="193" t="s">
        <v>1057</v>
      </c>
      <c r="D354" s="126" t="s">
        <v>1057</v>
      </c>
      <c r="E354" s="145"/>
      <c r="F354" s="174" t="str">
        <f t="shared" ref="F354:F366" si="11">IF($C$367=0,"",IF(C354="[for completion]","",IF(C354="","",C354/$C$367)))</f>
        <v/>
      </c>
      <c r="G354" s="174" t="str">
        <f t="shared" ref="G354:G366" si="12">IF($D$367=0,"",IF(D354="[for completion]","",IF(D354="","",D354/$D$367)))</f>
        <v/>
      </c>
    </row>
    <row r="355" spans="1:7" x14ac:dyDescent="0.3">
      <c r="A355" s="156" t="s">
        <v>2556</v>
      </c>
      <c r="B355" s="151" t="s">
        <v>1255</v>
      </c>
      <c r="C355" s="193" t="s">
        <v>1057</v>
      </c>
      <c r="D355" s="126" t="s">
        <v>1057</v>
      </c>
      <c r="E355" s="145"/>
      <c r="F355" s="174" t="str">
        <f t="shared" si="11"/>
        <v/>
      </c>
      <c r="G355" s="174" t="str">
        <f t="shared" si="12"/>
        <v/>
      </c>
    </row>
    <row r="356" spans="1:7" x14ac:dyDescent="0.3">
      <c r="A356" s="156" t="s">
        <v>2557</v>
      </c>
      <c r="B356" s="151" t="s">
        <v>1257</v>
      </c>
      <c r="C356" s="193" t="s">
        <v>1057</v>
      </c>
      <c r="D356" s="126" t="s">
        <v>1057</v>
      </c>
      <c r="E356" s="145"/>
      <c r="F356" s="174" t="str">
        <f t="shared" si="11"/>
        <v/>
      </c>
      <c r="G356" s="174" t="str">
        <f t="shared" si="12"/>
        <v/>
      </c>
    </row>
    <row r="357" spans="1:7" x14ac:dyDescent="0.3">
      <c r="A357" s="156" t="s">
        <v>2558</v>
      </c>
      <c r="B357" s="151" t="s">
        <v>1259</v>
      </c>
      <c r="C357" s="193" t="s">
        <v>1057</v>
      </c>
      <c r="D357" s="126" t="s">
        <v>1057</v>
      </c>
      <c r="E357" s="145"/>
      <c r="F357" s="174" t="str">
        <f t="shared" si="11"/>
        <v/>
      </c>
      <c r="G357" s="174" t="str">
        <f t="shared" si="12"/>
        <v/>
      </c>
    </row>
    <row r="358" spans="1:7" x14ac:dyDescent="0.3">
      <c r="A358" s="156" t="s">
        <v>2559</v>
      </c>
      <c r="B358" s="151" t="s">
        <v>1261</v>
      </c>
      <c r="C358" s="193" t="s">
        <v>1057</v>
      </c>
      <c r="D358" s="126" t="s">
        <v>1057</v>
      </c>
      <c r="E358" s="145"/>
      <c r="F358" s="174" t="str">
        <f t="shared" si="11"/>
        <v/>
      </c>
      <c r="G358" s="174" t="str">
        <f t="shared" si="12"/>
        <v/>
      </c>
    </row>
    <row r="359" spans="1:7" x14ac:dyDescent="0.3">
      <c r="A359" s="156" t="s">
        <v>2560</v>
      </c>
      <c r="B359" s="151" t="s">
        <v>1263</v>
      </c>
      <c r="C359" s="193" t="s">
        <v>1057</v>
      </c>
      <c r="D359" s="126" t="s">
        <v>1057</v>
      </c>
      <c r="E359" s="145"/>
      <c r="F359" s="174" t="str">
        <f t="shared" si="11"/>
        <v/>
      </c>
      <c r="G359" s="174" t="str">
        <f t="shared" si="12"/>
        <v/>
      </c>
    </row>
    <row r="360" spans="1:7" x14ac:dyDescent="0.3">
      <c r="A360" s="156" t="s">
        <v>2561</v>
      </c>
      <c r="B360" s="151" t="s">
        <v>1265</v>
      </c>
      <c r="C360" s="193" t="s">
        <v>1057</v>
      </c>
      <c r="D360" s="126" t="s">
        <v>1057</v>
      </c>
      <c r="E360" s="145"/>
      <c r="F360" s="174" t="str">
        <f t="shared" si="11"/>
        <v/>
      </c>
      <c r="G360" s="174" t="str">
        <f t="shared" si="12"/>
        <v/>
      </c>
    </row>
    <row r="361" spans="1:7" x14ac:dyDescent="0.3">
      <c r="A361" s="156" t="s">
        <v>2562</v>
      </c>
      <c r="B361" s="151" t="s">
        <v>1267</v>
      </c>
      <c r="C361" s="193" t="s">
        <v>1057</v>
      </c>
      <c r="D361" s="126" t="s">
        <v>1057</v>
      </c>
      <c r="E361" s="145"/>
      <c r="F361" s="174" t="str">
        <f t="shared" si="11"/>
        <v/>
      </c>
      <c r="G361" s="174" t="str">
        <f t="shared" si="12"/>
        <v/>
      </c>
    </row>
    <row r="362" spans="1:7" x14ac:dyDescent="0.3">
      <c r="A362" s="156" t="s">
        <v>2563</v>
      </c>
      <c r="B362" s="151" t="s">
        <v>1269</v>
      </c>
      <c r="C362" s="170" t="s">
        <v>1057</v>
      </c>
      <c r="D362" s="156" t="s">
        <v>1057</v>
      </c>
      <c r="E362" s="145"/>
      <c r="F362" s="174" t="str">
        <f t="shared" si="11"/>
        <v/>
      </c>
      <c r="G362" s="174" t="str">
        <f t="shared" si="12"/>
        <v/>
      </c>
    </row>
    <row r="363" spans="1:7" x14ac:dyDescent="0.3">
      <c r="A363" s="156" t="s">
        <v>2564</v>
      </c>
      <c r="B363" s="156" t="s">
        <v>1271</v>
      </c>
      <c r="C363" s="170" t="s">
        <v>1057</v>
      </c>
      <c r="D363" s="156" t="s">
        <v>1057</v>
      </c>
      <c r="F363" s="174" t="str">
        <f t="shared" si="11"/>
        <v/>
      </c>
      <c r="G363" s="174" t="str">
        <f t="shared" si="12"/>
        <v/>
      </c>
    </row>
    <row r="364" spans="1:7" x14ac:dyDescent="0.3">
      <c r="A364" s="156" t="s">
        <v>2565</v>
      </c>
      <c r="B364" s="156" t="s">
        <v>1273</v>
      </c>
      <c r="C364" s="170" t="s">
        <v>1057</v>
      </c>
      <c r="D364" s="156" t="s">
        <v>1057</v>
      </c>
      <c r="F364" s="174" t="str">
        <f t="shared" si="11"/>
        <v/>
      </c>
      <c r="G364" s="174" t="str">
        <f t="shared" si="12"/>
        <v/>
      </c>
    </row>
    <row r="365" spans="1:7" x14ac:dyDescent="0.3">
      <c r="A365" s="156" t="s">
        <v>2566</v>
      </c>
      <c r="B365" s="151" t="s">
        <v>1275</v>
      </c>
      <c r="C365" s="170" t="s">
        <v>1057</v>
      </c>
      <c r="D365" s="156" t="s">
        <v>1057</v>
      </c>
      <c r="E365" s="145"/>
      <c r="F365" s="174" t="str">
        <f t="shared" si="11"/>
        <v/>
      </c>
      <c r="G365" s="174" t="str">
        <f t="shared" si="12"/>
        <v/>
      </c>
    </row>
    <row r="366" spans="1:7" x14ac:dyDescent="0.3">
      <c r="A366" s="156" t="s">
        <v>2567</v>
      </c>
      <c r="B366" s="156" t="s">
        <v>1223</v>
      </c>
      <c r="C366" s="170" t="s">
        <v>1057</v>
      </c>
      <c r="D366" s="147" t="s">
        <v>1057</v>
      </c>
      <c r="E366" s="145"/>
      <c r="F366" s="174" t="str">
        <f t="shared" si="11"/>
        <v/>
      </c>
      <c r="G366" s="174" t="str">
        <f t="shared" si="12"/>
        <v/>
      </c>
    </row>
    <row r="367" spans="1:7" x14ac:dyDescent="0.3">
      <c r="A367" s="156" t="s">
        <v>2568</v>
      </c>
      <c r="B367" s="151" t="s">
        <v>366</v>
      </c>
      <c r="C367" s="170">
        <f>SUM(C354:C366)</f>
        <v>0</v>
      </c>
      <c r="D367" s="147">
        <f>SUM(D354:D366)</f>
        <v>0</v>
      </c>
      <c r="E367" s="145"/>
      <c r="F367" s="173">
        <f>SUM(F354:F366)</f>
        <v>0</v>
      </c>
      <c r="G367" s="173">
        <f>SUM(G354:G366)</f>
        <v>0</v>
      </c>
    </row>
    <row r="368" spans="1:7" x14ac:dyDescent="0.3">
      <c r="A368" s="156" t="s">
        <v>2569</v>
      </c>
      <c r="B368" s="151"/>
      <c r="C368" s="193"/>
      <c r="D368" s="126"/>
      <c r="E368" s="145"/>
      <c r="F368" s="174" t="str">
        <f>IF($C$350=0,"",IF(C368="[for completion]","",IF(C368="","",C368/$C$350)))</f>
        <v/>
      </c>
      <c r="G368" s="174" t="str">
        <f>IF($D$350=0,"",IF(D368="[for completion]","",IF(D368="","",D368/$D$350)))</f>
        <v/>
      </c>
    </row>
    <row r="369" spans="1:7" x14ac:dyDescent="0.3">
      <c r="A369" s="156" t="s">
        <v>2570</v>
      </c>
      <c r="B369" s="151"/>
      <c r="C369" s="193"/>
      <c r="D369" s="126"/>
      <c r="E369" s="145"/>
      <c r="F369" s="174"/>
      <c r="G369" s="174"/>
    </row>
    <row r="370" spans="1:7" x14ac:dyDescent="0.3">
      <c r="A370" s="156" t="s">
        <v>2571</v>
      </c>
      <c r="B370" s="151"/>
      <c r="C370" s="193"/>
      <c r="D370" s="126"/>
      <c r="E370" s="145"/>
      <c r="F370" s="174"/>
      <c r="G370" s="174"/>
    </row>
    <row r="371" spans="1:7" x14ac:dyDescent="0.3">
      <c r="A371" s="156" t="s">
        <v>2572</v>
      </c>
      <c r="B371" s="151"/>
      <c r="C371" s="193"/>
      <c r="D371" s="126"/>
      <c r="E371" s="145"/>
      <c r="F371" s="174"/>
      <c r="G371" s="174"/>
    </row>
    <row r="372" spans="1:7" x14ac:dyDescent="0.3">
      <c r="A372" s="156" t="s">
        <v>2573</v>
      </c>
      <c r="B372" s="151"/>
      <c r="C372" s="193"/>
      <c r="D372" s="126"/>
      <c r="E372" s="145"/>
      <c r="F372" s="174"/>
      <c r="G372" s="174"/>
    </row>
    <row r="373" spans="1:7" x14ac:dyDescent="0.3">
      <c r="A373" s="156" t="s">
        <v>2574</v>
      </c>
      <c r="B373" s="151"/>
      <c r="C373" s="193"/>
      <c r="D373" s="126"/>
      <c r="E373" s="145"/>
      <c r="F373" s="174"/>
      <c r="G373" s="174"/>
    </row>
    <row r="374" spans="1:7" x14ac:dyDescent="0.3">
      <c r="A374" s="156" t="s">
        <v>2575</v>
      </c>
      <c r="B374" s="151"/>
      <c r="C374" s="193"/>
      <c r="D374" s="126"/>
      <c r="E374" s="145"/>
      <c r="F374" s="174"/>
      <c r="G374" s="174"/>
    </row>
    <row r="375" spans="1:7" x14ac:dyDescent="0.3">
      <c r="A375" s="156" t="s">
        <v>2576</v>
      </c>
      <c r="B375" s="151"/>
      <c r="C375" s="170"/>
      <c r="D375" s="147"/>
      <c r="E375" s="145"/>
      <c r="F375" s="175"/>
      <c r="G375" s="175"/>
    </row>
    <row r="376" spans="1:7" x14ac:dyDescent="0.3">
      <c r="A376" s="156" t="s">
        <v>2577</v>
      </c>
      <c r="B376" s="151"/>
      <c r="C376" s="156"/>
      <c r="D376" s="156"/>
      <c r="E376" s="145"/>
      <c r="F376" s="145"/>
      <c r="G376" s="145"/>
    </row>
    <row r="377" spans="1:7" x14ac:dyDescent="0.3">
      <c r="A377" s="156" t="s">
        <v>2578</v>
      </c>
      <c r="B377" s="151"/>
      <c r="C377" s="156"/>
      <c r="D377" s="156"/>
      <c r="E377" s="145"/>
      <c r="F377" s="145"/>
      <c r="G377" s="145"/>
    </row>
    <row r="378" spans="1:7" x14ac:dyDescent="0.3">
      <c r="A378" s="103"/>
      <c r="B378" s="103" t="s">
        <v>2579</v>
      </c>
      <c r="C378" s="103" t="s">
        <v>325</v>
      </c>
      <c r="D378" s="103" t="s">
        <v>1202</v>
      </c>
      <c r="E378" s="103"/>
      <c r="F378" s="103" t="s">
        <v>858</v>
      </c>
      <c r="G378" s="103" t="s">
        <v>2554</v>
      </c>
    </row>
    <row r="379" spans="1:7" x14ac:dyDescent="0.3">
      <c r="A379" s="156" t="s">
        <v>2580</v>
      </c>
      <c r="B379" s="151" t="s">
        <v>1290</v>
      </c>
      <c r="C379" s="193" t="s">
        <v>1057</v>
      </c>
      <c r="D379" s="126" t="s">
        <v>1057</v>
      </c>
      <c r="E379" s="145"/>
      <c r="F379" s="174" t="str">
        <f t="shared" ref="F379:F385" si="13">IF($C$386=0,"",IF(C379="[for completion]","",IF(C379="","",C379/$C$386)))</f>
        <v/>
      </c>
      <c r="G379" s="174" t="str">
        <f t="shared" ref="G379:G385" si="14">IF($D$386=0,"",IF(D379="[for completion]","",IF(D379="","",D379/$D$386)))</f>
        <v/>
      </c>
    </row>
    <row r="380" spans="1:7" x14ac:dyDescent="0.3">
      <c r="A380" s="156" t="s">
        <v>2581</v>
      </c>
      <c r="B380" s="146" t="s">
        <v>1292</v>
      </c>
      <c r="C380" s="193" t="s">
        <v>1057</v>
      </c>
      <c r="D380" s="126" t="s">
        <v>1057</v>
      </c>
      <c r="E380" s="145"/>
      <c r="F380" s="174" t="str">
        <f t="shared" si="13"/>
        <v/>
      </c>
      <c r="G380" s="174" t="str">
        <f t="shared" si="14"/>
        <v/>
      </c>
    </row>
    <row r="381" spans="1:7" x14ac:dyDescent="0.3">
      <c r="A381" s="156" t="s">
        <v>2582</v>
      </c>
      <c r="B381" s="151" t="s">
        <v>1294</v>
      </c>
      <c r="C381" s="193" t="s">
        <v>1057</v>
      </c>
      <c r="D381" s="126" t="s">
        <v>1057</v>
      </c>
      <c r="E381" s="145"/>
      <c r="F381" s="174" t="str">
        <f t="shared" si="13"/>
        <v/>
      </c>
      <c r="G381" s="174" t="str">
        <f t="shared" si="14"/>
        <v/>
      </c>
    </row>
    <row r="382" spans="1:7" x14ac:dyDescent="0.3">
      <c r="A382" s="156" t="s">
        <v>2583</v>
      </c>
      <c r="B382" s="151" t="s">
        <v>1296</v>
      </c>
      <c r="C382" s="193" t="s">
        <v>1057</v>
      </c>
      <c r="D382" s="126" t="s">
        <v>1057</v>
      </c>
      <c r="E382" s="145"/>
      <c r="F382" s="174" t="str">
        <f t="shared" si="13"/>
        <v/>
      </c>
      <c r="G382" s="174" t="str">
        <f t="shared" si="14"/>
        <v/>
      </c>
    </row>
    <row r="383" spans="1:7" x14ac:dyDescent="0.3">
      <c r="A383" s="156" t="s">
        <v>2584</v>
      </c>
      <c r="B383" s="151" t="s">
        <v>1298</v>
      </c>
      <c r="C383" s="193" t="s">
        <v>1057</v>
      </c>
      <c r="D383" s="126" t="s">
        <v>1057</v>
      </c>
      <c r="E383" s="145"/>
      <c r="F383" s="174" t="str">
        <f t="shared" si="13"/>
        <v/>
      </c>
      <c r="G383" s="174" t="str">
        <f t="shared" si="14"/>
        <v/>
      </c>
    </row>
    <row r="384" spans="1:7" x14ac:dyDescent="0.3">
      <c r="A384" s="156" t="s">
        <v>2585</v>
      </c>
      <c r="B384" s="151" t="s">
        <v>1300</v>
      </c>
      <c r="C384" s="193" t="s">
        <v>1057</v>
      </c>
      <c r="D384" s="126" t="s">
        <v>1057</v>
      </c>
      <c r="E384" s="145"/>
      <c r="F384" s="174" t="str">
        <f t="shared" si="13"/>
        <v/>
      </c>
      <c r="G384" s="174" t="str">
        <f t="shared" si="14"/>
        <v/>
      </c>
    </row>
    <row r="385" spans="1:7" x14ac:dyDescent="0.3">
      <c r="A385" s="156" t="s">
        <v>2586</v>
      </c>
      <c r="B385" s="151" t="s">
        <v>735</v>
      </c>
      <c r="C385" s="193" t="s">
        <v>1057</v>
      </c>
      <c r="D385" s="126" t="s">
        <v>1057</v>
      </c>
      <c r="E385" s="145"/>
      <c r="F385" s="174" t="str">
        <f t="shared" si="13"/>
        <v/>
      </c>
      <c r="G385" s="174" t="str">
        <f t="shared" si="14"/>
        <v/>
      </c>
    </row>
    <row r="386" spans="1:7" x14ac:dyDescent="0.3">
      <c r="A386" s="156" t="s">
        <v>2587</v>
      </c>
      <c r="B386" s="151" t="s">
        <v>366</v>
      </c>
      <c r="C386" s="170">
        <f>SUM(C379:C385)</f>
        <v>0</v>
      </c>
      <c r="D386" s="147">
        <f>SUM(D379:D385)</f>
        <v>0</v>
      </c>
      <c r="E386" s="145"/>
      <c r="F386" s="175">
        <f>SUM(F379:F385)</f>
        <v>0</v>
      </c>
      <c r="G386" s="175">
        <f>SUM(G379:G385)</f>
        <v>0</v>
      </c>
    </row>
    <row r="387" spans="1:7" x14ac:dyDescent="0.3">
      <c r="A387" s="156" t="s">
        <v>2588</v>
      </c>
      <c r="B387" s="151"/>
      <c r="C387" s="156"/>
      <c r="D387" s="156"/>
      <c r="E387" s="145"/>
      <c r="F387" s="145"/>
      <c r="G387" s="145"/>
    </row>
    <row r="388" spans="1:7" x14ac:dyDescent="0.3">
      <c r="A388" s="103"/>
      <c r="B388" s="103" t="s">
        <v>2589</v>
      </c>
      <c r="C388" s="103" t="s">
        <v>325</v>
      </c>
      <c r="D388" s="103" t="s">
        <v>1202</v>
      </c>
      <c r="E388" s="103"/>
      <c r="F388" s="103" t="s">
        <v>858</v>
      </c>
      <c r="G388" s="103" t="s">
        <v>2554</v>
      </c>
    </row>
    <row r="389" spans="1:7" x14ac:dyDescent="0.3">
      <c r="A389" s="156" t="s">
        <v>2590</v>
      </c>
      <c r="B389" s="151" t="s">
        <v>2591</v>
      </c>
      <c r="C389" s="193" t="s">
        <v>1057</v>
      </c>
      <c r="D389" s="126" t="s">
        <v>1057</v>
      </c>
      <c r="E389" s="145"/>
      <c r="F389" s="174" t="str">
        <f>IF($C$393=0,"",IF(C389="[for completion]","",IF(C389="","",C389/$C$393)))</f>
        <v/>
      </c>
      <c r="G389" s="174" t="str">
        <f>IF($D$393=0,"",IF(D389="[for completion]","",IF(D389="","",D389/$D$393)))</f>
        <v/>
      </c>
    </row>
    <row r="390" spans="1:7" x14ac:dyDescent="0.3">
      <c r="A390" s="156" t="s">
        <v>2592</v>
      </c>
      <c r="B390" s="146" t="s">
        <v>1560</v>
      </c>
      <c r="C390" s="193" t="s">
        <v>1057</v>
      </c>
      <c r="D390" s="126" t="s">
        <v>1057</v>
      </c>
      <c r="E390" s="145"/>
      <c r="F390" s="174" t="str">
        <f>IF($C$393=0,"",IF(C390="[for completion]","",IF(C390="","",C390/$C$393)))</f>
        <v/>
      </c>
      <c r="G390" s="174" t="str">
        <f>IF($D$393=0,"",IF(D390="[for completion]","",IF(D390="","",D390/$D$393)))</f>
        <v/>
      </c>
    </row>
    <row r="391" spans="1:7" x14ac:dyDescent="0.3">
      <c r="A391" s="156" t="s">
        <v>2593</v>
      </c>
      <c r="B391" s="151" t="s">
        <v>735</v>
      </c>
      <c r="C391" s="193" t="s">
        <v>1057</v>
      </c>
      <c r="D391" s="126" t="s">
        <v>1057</v>
      </c>
      <c r="E391" s="145"/>
      <c r="F391" s="174" t="str">
        <f>IF($C$393=0,"",IF(C391="[for completion]","",IF(C391="","",C391/$C$393)))</f>
        <v/>
      </c>
      <c r="G391" s="174" t="str">
        <f>IF($D$393=0,"",IF(D391="[for completion]","",IF(D391="","",D391/$D$393)))</f>
        <v/>
      </c>
    </row>
    <row r="392" spans="1:7" x14ac:dyDescent="0.3">
      <c r="A392" s="156" t="s">
        <v>2594</v>
      </c>
      <c r="B392" s="156" t="s">
        <v>1223</v>
      </c>
      <c r="C392" s="193" t="s">
        <v>1057</v>
      </c>
      <c r="D392" s="126" t="s">
        <v>1057</v>
      </c>
      <c r="E392" s="145"/>
      <c r="F392" s="174" t="str">
        <f>IF($C$393=0,"",IF(C392="[for completion]","",IF(C392="","",C392/$C$393)))</f>
        <v/>
      </c>
      <c r="G392" s="174" t="str">
        <f>IF($D$393=0,"",IF(D392="[for completion]","",IF(D392="","",D392/$D$393)))</f>
        <v/>
      </c>
    </row>
    <row r="393" spans="1:7" x14ac:dyDescent="0.3">
      <c r="A393" s="156" t="s">
        <v>2595</v>
      </c>
      <c r="B393" s="151" t="s">
        <v>366</v>
      </c>
      <c r="C393" s="170">
        <f>SUM(C389:C392)</f>
        <v>0</v>
      </c>
      <c r="D393" s="147">
        <f>SUM(D389:D392)</f>
        <v>0</v>
      </c>
      <c r="E393" s="145"/>
      <c r="F393" s="175">
        <f>SUM(F389:F392)</f>
        <v>0</v>
      </c>
      <c r="G393" s="175">
        <f>SUM(G389:G392)</f>
        <v>0</v>
      </c>
    </row>
    <row r="394" spans="1:7" x14ac:dyDescent="0.3">
      <c r="A394" s="156" t="s">
        <v>2596</v>
      </c>
      <c r="B394" s="156"/>
      <c r="C394" s="173"/>
      <c r="D394" s="156"/>
      <c r="E394" s="128"/>
      <c r="F394" s="128"/>
      <c r="G394" s="128"/>
    </row>
    <row r="395" spans="1:7" x14ac:dyDescent="0.3">
      <c r="A395" s="103"/>
      <c r="B395" s="103" t="s">
        <v>1313</v>
      </c>
      <c r="C395" s="103" t="s">
        <v>1314</v>
      </c>
      <c r="D395" s="103" t="s">
        <v>1315</v>
      </c>
      <c r="E395" s="103"/>
      <c r="F395" s="103" t="s">
        <v>1316</v>
      </c>
      <c r="G395" s="103"/>
    </row>
    <row r="396" spans="1:7" x14ac:dyDescent="0.3">
      <c r="A396" s="156" t="s">
        <v>2597</v>
      </c>
      <c r="B396" s="151" t="s">
        <v>1290</v>
      </c>
      <c r="C396" s="191" t="s">
        <v>1057</v>
      </c>
      <c r="D396" s="164" t="s">
        <v>1057</v>
      </c>
      <c r="E396" s="128"/>
      <c r="F396" s="164" t="s">
        <v>1057</v>
      </c>
      <c r="G396" s="174" t="str">
        <f t="shared" ref="G396:G405" si="15">IF($D$414=0,"",IF(D396="[for completion]","",IF(D396="","",D396/$D$414)))</f>
        <v/>
      </c>
    </row>
    <row r="397" spans="1:7" x14ac:dyDescent="0.3">
      <c r="A397" s="156" t="s">
        <v>2598</v>
      </c>
      <c r="B397" s="146" t="s">
        <v>1292</v>
      </c>
      <c r="C397" s="191" t="s">
        <v>1057</v>
      </c>
      <c r="D397" s="164" t="s">
        <v>1057</v>
      </c>
      <c r="E397" s="128"/>
      <c r="F397" s="164" t="s">
        <v>1057</v>
      </c>
      <c r="G397" s="174" t="str">
        <f t="shared" si="15"/>
        <v/>
      </c>
    </row>
    <row r="398" spans="1:7" x14ac:dyDescent="0.3">
      <c r="A398" s="156" t="s">
        <v>2599</v>
      </c>
      <c r="B398" s="151" t="s">
        <v>1294</v>
      </c>
      <c r="C398" s="191" t="s">
        <v>1057</v>
      </c>
      <c r="D398" s="164" t="s">
        <v>1057</v>
      </c>
      <c r="E398" s="128"/>
      <c r="F398" s="164" t="s">
        <v>1057</v>
      </c>
      <c r="G398" s="174" t="str">
        <f t="shared" si="15"/>
        <v/>
      </c>
    </row>
    <row r="399" spans="1:7" x14ac:dyDescent="0.3">
      <c r="A399" s="156" t="s">
        <v>2600</v>
      </c>
      <c r="B399" s="151" t="s">
        <v>1296</v>
      </c>
      <c r="C399" s="191" t="s">
        <v>1057</v>
      </c>
      <c r="D399" s="164" t="s">
        <v>1057</v>
      </c>
      <c r="E399" s="128"/>
      <c r="F399" s="164" t="s">
        <v>1057</v>
      </c>
      <c r="G399" s="174" t="str">
        <f t="shared" si="15"/>
        <v/>
      </c>
    </row>
    <row r="400" spans="1:7" x14ac:dyDescent="0.3">
      <c r="A400" s="156" t="s">
        <v>2601</v>
      </c>
      <c r="B400" s="151" t="s">
        <v>1298</v>
      </c>
      <c r="C400" s="191" t="s">
        <v>1057</v>
      </c>
      <c r="D400" s="164" t="s">
        <v>1057</v>
      </c>
      <c r="E400" s="128"/>
      <c r="F400" s="164" t="s">
        <v>1057</v>
      </c>
      <c r="G400" s="174" t="str">
        <f t="shared" si="15"/>
        <v/>
      </c>
    </row>
    <row r="401" spans="1:7" x14ac:dyDescent="0.3">
      <c r="A401" s="156" t="s">
        <v>2602</v>
      </c>
      <c r="B401" s="151" t="s">
        <v>1300</v>
      </c>
      <c r="C401" s="191" t="s">
        <v>1057</v>
      </c>
      <c r="D401" s="164" t="s">
        <v>1057</v>
      </c>
      <c r="E401" s="128"/>
      <c r="F401" s="164" t="s">
        <v>1057</v>
      </c>
      <c r="G401" s="174" t="str">
        <f t="shared" si="15"/>
        <v/>
      </c>
    </row>
    <row r="402" spans="1:7" x14ac:dyDescent="0.3">
      <c r="A402" s="156" t="s">
        <v>2603</v>
      </c>
      <c r="B402" s="151" t="s">
        <v>735</v>
      </c>
      <c r="C402" s="191" t="s">
        <v>1057</v>
      </c>
      <c r="D402" s="164" t="s">
        <v>1057</v>
      </c>
      <c r="E402" s="128"/>
      <c r="F402" s="164" t="s">
        <v>1057</v>
      </c>
      <c r="G402" s="174" t="str">
        <f t="shared" si="15"/>
        <v/>
      </c>
    </row>
    <row r="403" spans="1:7" x14ac:dyDescent="0.3">
      <c r="A403" s="156" t="s">
        <v>2604</v>
      </c>
      <c r="B403" s="151" t="s">
        <v>1223</v>
      </c>
      <c r="C403" s="191" t="s">
        <v>1057</v>
      </c>
      <c r="D403" s="164" t="s">
        <v>1057</v>
      </c>
      <c r="E403" s="128"/>
      <c r="F403" s="164" t="s">
        <v>1057</v>
      </c>
      <c r="G403" s="174" t="str">
        <f t="shared" si="15"/>
        <v/>
      </c>
    </row>
    <row r="404" spans="1:7" x14ac:dyDescent="0.3">
      <c r="A404" s="156" t="s">
        <v>2605</v>
      </c>
      <c r="B404" s="151" t="s">
        <v>366</v>
      </c>
      <c r="C404" s="170">
        <v>0</v>
      </c>
      <c r="D404" s="170">
        <v>0</v>
      </c>
      <c r="E404" s="128"/>
      <c r="F404" s="156"/>
      <c r="G404" s="174" t="str">
        <f t="shared" si="15"/>
        <v/>
      </c>
    </row>
    <row r="405" spans="1:7" x14ac:dyDescent="0.3">
      <c r="A405" s="156" t="s">
        <v>2606</v>
      </c>
      <c r="B405" s="156" t="s">
        <v>1327</v>
      </c>
      <c r="C405" s="156"/>
      <c r="D405" s="156"/>
      <c r="E405" s="156"/>
      <c r="F405" s="164" t="s">
        <v>1057</v>
      </c>
      <c r="G405" s="174" t="str">
        <f t="shared" si="15"/>
        <v/>
      </c>
    </row>
    <row r="406" spans="1:7" x14ac:dyDescent="0.3">
      <c r="A406" s="156" t="s">
        <v>2607</v>
      </c>
      <c r="B406" s="136"/>
      <c r="C406" s="156"/>
      <c r="D406" s="156"/>
      <c r="E406" s="128"/>
      <c r="F406" s="174"/>
      <c r="G406" s="174"/>
    </row>
    <row r="407" spans="1:7" x14ac:dyDescent="0.3">
      <c r="A407" s="156" t="s">
        <v>2608</v>
      </c>
      <c r="B407" s="136"/>
      <c r="C407" s="156"/>
      <c r="D407" s="156"/>
      <c r="E407" s="128"/>
      <c r="F407" s="174"/>
      <c r="G407" s="174"/>
    </row>
    <row r="408" spans="1:7" x14ac:dyDescent="0.3">
      <c r="A408" s="156" t="s">
        <v>2609</v>
      </c>
      <c r="B408" s="136"/>
      <c r="C408" s="156"/>
      <c r="D408" s="156"/>
      <c r="E408" s="128"/>
      <c r="F408" s="174"/>
      <c r="G408" s="174"/>
    </row>
    <row r="409" spans="1:7" x14ac:dyDescent="0.3">
      <c r="A409" s="156" t="s">
        <v>2610</v>
      </c>
      <c r="B409" s="136"/>
      <c r="C409" s="156"/>
      <c r="D409" s="156"/>
      <c r="E409" s="128"/>
      <c r="F409" s="174"/>
      <c r="G409" s="174"/>
    </row>
    <row r="410" spans="1:7" x14ac:dyDescent="0.3">
      <c r="A410" s="156" t="s">
        <v>2611</v>
      </c>
      <c r="B410" s="136"/>
      <c r="C410" s="156"/>
      <c r="D410" s="156"/>
      <c r="E410" s="128"/>
      <c r="F410" s="174"/>
      <c r="G410" s="174"/>
    </row>
    <row r="411" spans="1:7" x14ac:dyDescent="0.3">
      <c r="A411" s="156" t="s">
        <v>2612</v>
      </c>
      <c r="B411" s="136"/>
      <c r="C411" s="156"/>
      <c r="D411" s="156"/>
      <c r="E411" s="128"/>
      <c r="F411" s="174"/>
      <c r="G411" s="174"/>
    </row>
    <row r="412" spans="1:7" x14ac:dyDescent="0.3">
      <c r="A412" s="156" t="s">
        <v>2613</v>
      </c>
      <c r="B412" s="136"/>
      <c r="C412" s="156"/>
      <c r="D412" s="156"/>
      <c r="E412" s="128"/>
      <c r="F412" s="174"/>
      <c r="G412" s="174"/>
    </row>
    <row r="413" spans="1:7" x14ac:dyDescent="0.3">
      <c r="A413" s="156" t="s">
        <v>2614</v>
      </c>
      <c r="B413" s="151"/>
      <c r="C413" s="156"/>
      <c r="D413" s="156"/>
      <c r="E413" s="128"/>
      <c r="F413" s="174"/>
      <c r="G413" s="174"/>
    </row>
    <row r="414" spans="1:7" x14ac:dyDescent="0.3">
      <c r="A414" s="156" t="s">
        <v>2615</v>
      </c>
      <c r="B414" s="151"/>
      <c r="C414" s="170"/>
      <c r="D414" s="156"/>
      <c r="E414" s="128"/>
      <c r="F414" s="199"/>
      <c r="G414" s="199"/>
    </row>
    <row r="415" spans="1:7" x14ac:dyDescent="0.3">
      <c r="A415" s="156" t="s">
        <v>2616</v>
      </c>
      <c r="B415" s="156"/>
      <c r="C415" s="173"/>
      <c r="D415" s="156"/>
      <c r="E415" s="128"/>
      <c r="F415" s="128"/>
      <c r="G415" s="128"/>
    </row>
    <row r="416" spans="1:7" x14ac:dyDescent="0.3">
      <c r="A416" s="156" t="s">
        <v>2617</v>
      </c>
      <c r="B416" s="156"/>
      <c r="C416" s="173"/>
      <c r="D416" s="156"/>
      <c r="E416" s="128"/>
      <c r="F416" s="128"/>
      <c r="G416" s="128"/>
    </row>
    <row r="417" spans="1:7" x14ac:dyDescent="0.3">
      <c r="A417" s="156" t="s">
        <v>2618</v>
      </c>
      <c r="B417" s="156"/>
      <c r="C417" s="173"/>
      <c r="D417" s="156"/>
      <c r="E417" s="128"/>
      <c r="F417" s="128"/>
      <c r="G417" s="128"/>
    </row>
    <row r="418" spans="1:7" x14ac:dyDescent="0.3">
      <c r="A418" s="156" t="s">
        <v>2619</v>
      </c>
      <c r="B418" s="156"/>
      <c r="C418" s="173"/>
      <c r="D418" s="156"/>
      <c r="E418" s="128"/>
      <c r="F418" s="128"/>
      <c r="G418" s="128"/>
    </row>
    <row r="419" spans="1:7" x14ac:dyDescent="0.3">
      <c r="A419" s="156" t="s">
        <v>2620</v>
      </c>
      <c r="B419" s="156"/>
      <c r="C419" s="173"/>
      <c r="D419" s="156"/>
      <c r="E419" s="128"/>
      <c r="F419" s="128"/>
      <c r="G419" s="128"/>
    </row>
    <row r="420" spans="1:7" x14ac:dyDescent="0.3">
      <c r="A420" s="156" t="s">
        <v>2621</v>
      </c>
      <c r="B420" s="156"/>
      <c r="C420" s="173"/>
      <c r="D420" s="156"/>
      <c r="E420" s="128"/>
      <c r="F420" s="128"/>
      <c r="G420" s="128"/>
    </row>
    <row r="421" spans="1:7" x14ac:dyDescent="0.3">
      <c r="A421" s="156" t="s">
        <v>2622</v>
      </c>
      <c r="B421" s="156"/>
      <c r="C421" s="173"/>
      <c r="D421" s="156"/>
      <c r="E421" s="128"/>
      <c r="F421" s="128"/>
      <c r="G421" s="128"/>
    </row>
    <row r="422" spans="1:7" x14ac:dyDescent="0.3">
      <c r="A422" s="156" t="s">
        <v>2623</v>
      </c>
      <c r="B422" s="156"/>
      <c r="C422" s="173"/>
      <c r="D422" s="156"/>
      <c r="E422" s="128"/>
      <c r="F422" s="128"/>
      <c r="G422" s="128"/>
    </row>
    <row r="423" spans="1:7" x14ac:dyDescent="0.3">
      <c r="A423" s="156" t="s">
        <v>2624</v>
      </c>
      <c r="B423" s="156"/>
      <c r="C423" s="173"/>
      <c r="D423" s="156"/>
      <c r="E423" s="128"/>
      <c r="F423" s="128"/>
      <c r="G423" s="128"/>
    </row>
    <row r="424" spans="1:7" x14ac:dyDescent="0.3">
      <c r="A424" s="156" t="s">
        <v>2625</v>
      </c>
      <c r="B424" s="156"/>
      <c r="C424" s="173"/>
      <c r="D424" s="156"/>
      <c r="E424" s="128"/>
      <c r="F424" s="128"/>
      <c r="G424" s="128"/>
    </row>
    <row r="425" spans="1:7" x14ac:dyDescent="0.3">
      <c r="A425" s="156" t="s">
        <v>2626</v>
      </c>
      <c r="B425" s="156"/>
      <c r="C425" s="173"/>
      <c r="D425" s="156"/>
      <c r="E425" s="128"/>
      <c r="F425" s="128"/>
      <c r="G425" s="128"/>
    </row>
    <row r="426" spans="1:7" x14ac:dyDescent="0.3">
      <c r="A426" s="156" t="s">
        <v>2627</v>
      </c>
      <c r="B426" s="156"/>
      <c r="C426" s="173"/>
      <c r="D426" s="156"/>
      <c r="E426" s="128"/>
      <c r="F426" s="128"/>
      <c r="G426" s="128"/>
    </row>
    <row r="427" spans="1:7" x14ac:dyDescent="0.3">
      <c r="A427" s="156" t="s">
        <v>2628</v>
      </c>
      <c r="B427" s="156"/>
      <c r="C427" s="173"/>
      <c r="D427" s="156"/>
      <c r="E427" s="128"/>
      <c r="F427" s="128"/>
      <c r="G427" s="128"/>
    </row>
    <row r="428" spans="1:7" x14ac:dyDescent="0.3">
      <c r="A428" s="156" t="s">
        <v>2629</v>
      </c>
      <c r="B428" s="156"/>
      <c r="C428" s="173"/>
      <c r="D428" s="156"/>
      <c r="E428" s="128"/>
      <c r="F428" s="128"/>
      <c r="G428" s="128"/>
    </row>
    <row r="429" spans="1:7" x14ac:dyDescent="0.3">
      <c r="A429" s="156" t="s">
        <v>2630</v>
      </c>
      <c r="B429" s="156"/>
      <c r="C429" s="173"/>
      <c r="D429" s="156"/>
      <c r="E429" s="128"/>
      <c r="F429" s="128"/>
      <c r="G429" s="128"/>
    </row>
    <row r="430" spans="1:7" x14ac:dyDescent="0.3">
      <c r="A430" s="156" t="s">
        <v>2631</v>
      </c>
      <c r="B430" s="156"/>
      <c r="C430" s="173"/>
      <c r="D430" s="156"/>
      <c r="E430" s="128"/>
      <c r="F430" s="128"/>
      <c r="G430" s="128"/>
    </row>
    <row r="431" spans="1:7" x14ac:dyDescent="0.3">
      <c r="A431" s="156" t="s">
        <v>2632</v>
      </c>
      <c r="B431" s="156"/>
      <c r="C431" s="173"/>
      <c r="D431" s="156"/>
      <c r="E431" s="128"/>
      <c r="F431" s="128"/>
      <c r="G431" s="128"/>
    </row>
    <row r="432" spans="1:7" x14ac:dyDescent="0.3">
      <c r="A432" s="156" t="s">
        <v>2633</v>
      </c>
      <c r="B432" s="156"/>
      <c r="C432" s="173"/>
      <c r="D432" s="156"/>
      <c r="E432" s="128"/>
      <c r="F432" s="128"/>
      <c r="G432" s="128"/>
    </row>
    <row r="433" spans="1:7" x14ac:dyDescent="0.3">
      <c r="A433" s="156" t="s">
        <v>2634</v>
      </c>
      <c r="B433" s="156"/>
      <c r="C433" s="173"/>
      <c r="D433" s="156"/>
      <c r="E433" s="128"/>
      <c r="F433" s="128"/>
      <c r="G433" s="128"/>
    </row>
    <row r="434" spans="1:7" x14ac:dyDescent="0.3">
      <c r="A434" s="156" t="s">
        <v>2635</v>
      </c>
      <c r="B434" s="156"/>
      <c r="C434" s="173"/>
      <c r="D434" s="156"/>
      <c r="E434" s="128"/>
      <c r="F434" s="128"/>
      <c r="G434" s="128"/>
    </row>
    <row r="435" spans="1:7" x14ac:dyDescent="0.3">
      <c r="A435" s="156" t="s">
        <v>2636</v>
      </c>
      <c r="B435" s="156"/>
      <c r="C435" s="173"/>
      <c r="D435" s="156"/>
      <c r="E435" s="128"/>
      <c r="F435" s="128"/>
      <c r="G435" s="128"/>
    </row>
    <row r="436" spans="1:7" x14ac:dyDescent="0.3">
      <c r="A436" s="156" t="s">
        <v>2637</v>
      </c>
      <c r="B436" s="156"/>
      <c r="C436" s="173"/>
      <c r="D436" s="156"/>
      <c r="E436" s="128"/>
      <c r="F436" s="128"/>
      <c r="G436" s="128"/>
    </row>
    <row r="437" spans="1:7" x14ac:dyDescent="0.3">
      <c r="A437" s="156" t="s">
        <v>2638</v>
      </c>
      <c r="B437" s="156"/>
      <c r="C437" s="173"/>
      <c r="D437" s="156"/>
      <c r="E437" s="128"/>
      <c r="F437" s="128"/>
      <c r="G437" s="128"/>
    </row>
    <row r="438" spans="1:7" x14ac:dyDescent="0.3">
      <c r="A438" s="156" t="s">
        <v>2639</v>
      </c>
      <c r="B438" s="156"/>
      <c r="C438" s="173"/>
      <c r="D438" s="156"/>
      <c r="E438" s="128"/>
      <c r="F438" s="128"/>
      <c r="G438" s="128"/>
    </row>
    <row r="439" spans="1:7" x14ac:dyDescent="0.3">
      <c r="A439" s="156" t="s">
        <v>2640</v>
      </c>
      <c r="B439" s="156"/>
      <c r="C439" s="173"/>
      <c r="D439" s="156"/>
      <c r="E439" s="128"/>
      <c r="F439" s="128"/>
      <c r="G439" s="128"/>
    </row>
    <row r="440" spans="1:7" x14ac:dyDescent="0.3">
      <c r="A440" s="156" t="s">
        <v>2641</v>
      </c>
      <c r="B440" s="156"/>
      <c r="C440" s="173"/>
      <c r="D440" s="156"/>
      <c r="E440" s="128"/>
      <c r="F440" s="128"/>
      <c r="G440" s="128"/>
    </row>
    <row r="441" spans="1:7" x14ac:dyDescent="0.3">
      <c r="A441" s="156" t="s">
        <v>2642</v>
      </c>
      <c r="B441" s="156"/>
      <c r="C441" s="173"/>
      <c r="D441" s="156"/>
      <c r="E441" s="128"/>
      <c r="F441" s="128"/>
      <c r="G441" s="128"/>
    </row>
    <row r="442" spans="1:7" x14ac:dyDescent="0.3">
      <c r="A442" s="156" t="s">
        <v>2643</v>
      </c>
      <c r="B442" s="156"/>
      <c r="C442" s="173"/>
      <c r="D442" s="156"/>
      <c r="E442" s="128"/>
      <c r="F442" s="128"/>
      <c r="G442" s="128"/>
    </row>
    <row r="443" spans="1:7" x14ac:dyDescent="0.3">
      <c r="A443" s="156" t="s">
        <v>2644</v>
      </c>
      <c r="B443" s="156"/>
      <c r="C443" s="173"/>
      <c r="D443" s="156"/>
      <c r="E443" s="128"/>
      <c r="F443" s="128"/>
      <c r="G443" s="128"/>
    </row>
    <row r="444" spans="1:7" ht="18.75" customHeight="1" x14ac:dyDescent="0.3">
      <c r="A444" s="110"/>
      <c r="B444" s="111" t="s">
        <v>2645</v>
      </c>
      <c r="C444" s="110"/>
      <c r="D444" s="110"/>
      <c r="E444" s="110"/>
      <c r="F444" s="110"/>
      <c r="G444" s="110"/>
    </row>
    <row r="445" spans="1:7" x14ac:dyDescent="0.3">
      <c r="A445" s="103"/>
      <c r="B445" s="103" t="s">
        <v>1367</v>
      </c>
      <c r="C445" s="103" t="s">
        <v>1062</v>
      </c>
      <c r="D445" s="103" t="s">
        <v>1063</v>
      </c>
      <c r="E445" s="103"/>
      <c r="F445" s="103" t="s">
        <v>859</v>
      </c>
      <c r="G445" s="103" t="s">
        <v>1064</v>
      </c>
    </row>
    <row r="446" spans="1:7" x14ac:dyDescent="0.3">
      <c r="A446" s="156" t="s">
        <v>2646</v>
      </c>
      <c r="B446" s="156" t="s">
        <v>1066</v>
      </c>
      <c r="C446" s="193" t="s">
        <v>1057</v>
      </c>
      <c r="D446" s="129"/>
      <c r="E446" s="129"/>
      <c r="F446" s="94"/>
      <c r="G446" s="94"/>
    </row>
    <row r="447" spans="1:7" x14ac:dyDescent="0.3">
      <c r="A447" s="129"/>
      <c r="B447" s="156"/>
      <c r="C447" s="156"/>
      <c r="D447" s="129"/>
      <c r="E447" s="129"/>
      <c r="F447" s="94"/>
      <c r="G447" s="94"/>
    </row>
    <row r="448" spans="1:7" x14ac:dyDescent="0.3">
      <c r="A448" s="156"/>
      <c r="B448" s="156" t="s">
        <v>1067</v>
      </c>
      <c r="C448" s="156"/>
      <c r="D448" s="129"/>
      <c r="E448" s="129"/>
      <c r="F448" s="94"/>
      <c r="G448" s="94"/>
    </row>
    <row r="449" spans="1:7" x14ac:dyDescent="0.3">
      <c r="A449" s="156" t="s">
        <v>2647</v>
      </c>
      <c r="B449" s="136" t="s">
        <v>1205</v>
      </c>
      <c r="C449" s="193" t="s">
        <v>1057</v>
      </c>
      <c r="D449" s="193" t="s">
        <v>1057</v>
      </c>
      <c r="E449" s="129"/>
      <c r="F449" s="174" t="str">
        <f t="shared" ref="F449:F472" si="16">IF($C$473=0,"",IF(C449="[for completion]","",IF(C449="","",C449/$C$473)))</f>
        <v/>
      </c>
      <c r="G449" s="174" t="str">
        <f t="shared" ref="G449:G472" si="17">IF($D$473=0,"",IF(D449="[for completion]","",IF(D449="","",D449/$D$473)))</f>
        <v/>
      </c>
    </row>
    <row r="450" spans="1:7" x14ac:dyDescent="0.3">
      <c r="A450" s="156" t="s">
        <v>2648</v>
      </c>
      <c r="B450" s="136" t="s">
        <v>1205</v>
      </c>
      <c r="C450" s="193" t="s">
        <v>1057</v>
      </c>
      <c r="D450" s="193" t="s">
        <v>1057</v>
      </c>
      <c r="E450" s="129"/>
      <c r="F450" s="174" t="str">
        <f t="shared" si="16"/>
        <v/>
      </c>
      <c r="G450" s="174" t="str">
        <f t="shared" si="17"/>
        <v/>
      </c>
    </row>
    <row r="451" spans="1:7" x14ac:dyDescent="0.3">
      <c r="A451" s="156" t="s">
        <v>2649</v>
      </c>
      <c r="B451" s="136" t="s">
        <v>1205</v>
      </c>
      <c r="C451" s="193" t="s">
        <v>1057</v>
      </c>
      <c r="D451" s="193" t="s">
        <v>1057</v>
      </c>
      <c r="E451" s="129"/>
      <c r="F451" s="174" t="str">
        <f t="shared" si="16"/>
        <v/>
      </c>
      <c r="G451" s="174" t="str">
        <f t="shared" si="17"/>
        <v/>
      </c>
    </row>
    <row r="452" spans="1:7" x14ac:dyDescent="0.3">
      <c r="A452" s="156" t="s">
        <v>2650</v>
      </c>
      <c r="B452" s="136" t="s">
        <v>1205</v>
      </c>
      <c r="C452" s="193" t="s">
        <v>1057</v>
      </c>
      <c r="D452" s="193" t="s">
        <v>1057</v>
      </c>
      <c r="E452" s="129"/>
      <c r="F452" s="174" t="str">
        <f t="shared" si="16"/>
        <v/>
      </c>
      <c r="G452" s="174" t="str">
        <f t="shared" si="17"/>
        <v/>
      </c>
    </row>
    <row r="453" spans="1:7" x14ac:dyDescent="0.3">
      <c r="A453" s="156" t="s">
        <v>2651</v>
      </c>
      <c r="B453" s="136" t="s">
        <v>1205</v>
      </c>
      <c r="C453" s="193" t="s">
        <v>1057</v>
      </c>
      <c r="D453" s="193" t="s">
        <v>1057</v>
      </c>
      <c r="E453" s="129"/>
      <c r="F453" s="174" t="str">
        <f t="shared" si="16"/>
        <v/>
      </c>
      <c r="G453" s="174" t="str">
        <f t="shared" si="17"/>
        <v/>
      </c>
    </row>
    <row r="454" spans="1:7" x14ac:dyDescent="0.3">
      <c r="A454" s="156" t="s">
        <v>2652</v>
      </c>
      <c r="B454" s="136" t="s">
        <v>1205</v>
      </c>
      <c r="C454" s="193" t="s">
        <v>1057</v>
      </c>
      <c r="D454" s="193" t="s">
        <v>1057</v>
      </c>
      <c r="E454" s="129"/>
      <c r="F454" s="174" t="str">
        <f t="shared" si="16"/>
        <v/>
      </c>
      <c r="G454" s="174" t="str">
        <f t="shared" si="17"/>
        <v/>
      </c>
    </row>
    <row r="455" spans="1:7" x14ac:dyDescent="0.3">
      <c r="A455" s="156" t="s">
        <v>2653</v>
      </c>
      <c r="B455" s="136" t="s">
        <v>1205</v>
      </c>
      <c r="C455" s="193" t="s">
        <v>1057</v>
      </c>
      <c r="D455" s="193" t="s">
        <v>1057</v>
      </c>
      <c r="E455" s="129"/>
      <c r="F455" s="174" t="str">
        <f t="shared" si="16"/>
        <v/>
      </c>
      <c r="G455" s="174" t="str">
        <f t="shared" si="17"/>
        <v/>
      </c>
    </row>
    <row r="456" spans="1:7" x14ac:dyDescent="0.3">
      <c r="A456" s="156" t="s">
        <v>2654</v>
      </c>
      <c r="B456" s="136" t="s">
        <v>1205</v>
      </c>
      <c r="C456" s="193" t="s">
        <v>1057</v>
      </c>
      <c r="D456" s="126" t="s">
        <v>1057</v>
      </c>
      <c r="E456" s="129"/>
      <c r="F456" s="174" t="str">
        <f t="shared" si="16"/>
        <v/>
      </c>
      <c r="G456" s="174" t="str">
        <f t="shared" si="17"/>
        <v/>
      </c>
    </row>
    <row r="457" spans="1:7" x14ac:dyDescent="0.3">
      <c r="A457" s="156" t="s">
        <v>2655</v>
      </c>
      <c r="B457" s="136" t="s">
        <v>1205</v>
      </c>
      <c r="C457" s="193" t="s">
        <v>1057</v>
      </c>
      <c r="D457" s="126" t="s">
        <v>1057</v>
      </c>
      <c r="E457" s="129"/>
      <c r="F457" s="174" t="str">
        <f t="shared" si="16"/>
        <v/>
      </c>
      <c r="G457" s="174" t="str">
        <f t="shared" si="17"/>
        <v/>
      </c>
    </row>
    <row r="458" spans="1:7" x14ac:dyDescent="0.3">
      <c r="A458" s="156" t="s">
        <v>2656</v>
      </c>
      <c r="B458" s="136" t="s">
        <v>1205</v>
      </c>
      <c r="C458" s="193" t="s">
        <v>1057</v>
      </c>
      <c r="D458" s="126" t="s">
        <v>1057</v>
      </c>
      <c r="E458" s="151"/>
      <c r="F458" s="174" t="str">
        <f t="shared" si="16"/>
        <v/>
      </c>
      <c r="G458" s="174" t="str">
        <f t="shared" si="17"/>
        <v/>
      </c>
    </row>
    <row r="459" spans="1:7" x14ac:dyDescent="0.3">
      <c r="A459" s="156" t="s">
        <v>2657</v>
      </c>
      <c r="B459" s="136" t="s">
        <v>1205</v>
      </c>
      <c r="C459" s="193" t="s">
        <v>1057</v>
      </c>
      <c r="D459" s="126" t="s">
        <v>1057</v>
      </c>
      <c r="E459" s="151"/>
      <c r="F459" s="174" t="str">
        <f t="shared" si="16"/>
        <v/>
      </c>
      <c r="G459" s="174" t="str">
        <f t="shared" si="17"/>
        <v/>
      </c>
    </row>
    <row r="460" spans="1:7" x14ac:dyDescent="0.3">
      <c r="A460" s="156" t="s">
        <v>2658</v>
      </c>
      <c r="B460" s="136" t="s">
        <v>1205</v>
      </c>
      <c r="C460" s="193" t="s">
        <v>1057</v>
      </c>
      <c r="D460" s="126" t="s">
        <v>1057</v>
      </c>
      <c r="E460" s="151"/>
      <c r="F460" s="174" t="str">
        <f t="shared" si="16"/>
        <v/>
      </c>
      <c r="G460" s="174" t="str">
        <f t="shared" si="17"/>
        <v/>
      </c>
    </row>
    <row r="461" spans="1:7" x14ac:dyDescent="0.3">
      <c r="A461" s="156" t="s">
        <v>2659</v>
      </c>
      <c r="B461" s="136" t="s">
        <v>1205</v>
      </c>
      <c r="C461" s="193" t="s">
        <v>1057</v>
      </c>
      <c r="D461" s="126" t="s">
        <v>1057</v>
      </c>
      <c r="E461" s="151"/>
      <c r="F461" s="174" t="str">
        <f t="shared" si="16"/>
        <v/>
      </c>
      <c r="G461" s="174" t="str">
        <f t="shared" si="17"/>
        <v/>
      </c>
    </row>
    <row r="462" spans="1:7" x14ac:dyDescent="0.3">
      <c r="A462" s="156" t="s">
        <v>2660</v>
      </c>
      <c r="B462" s="136" t="s">
        <v>1205</v>
      </c>
      <c r="C462" s="193" t="s">
        <v>1057</v>
      </c>
      <c r="D462" s="126" t="s">
        <v>1057</v>
      </c>
      <c r="E462" s="151"/>
      <c r="F462" s="174" t="str">
        <f t="shared" si="16"/>
        <v/>
      </c>
      <c r="G462" s="174" t="str">
        <f t="shared" si="17"/>
        <v/>
      </c>
    </row>
    <row r="463" spans="1:7" x14ac:dyDescent="0.3">
      <c r="A463" s="156" t="s">
        <v>2661</v>
      </c>
      <c r="B463" s="136" t="s">
        <v>1205</v>
      </c>
      <c r="C463" s="193" t="s">
        <v>1057</v>
      </c>
      <c r="D463" s="126" t="s">
        <v>1057</v>
      </c>
      <c r="E463" s="151"/>
      <c r="F463" s="174" t="str">
        <f t="shared" si="16"/>
        <v/>
      </c>
      <c r="G463" s="174" t="str">
        <f t="shared" si="17"/>
        <v/>
      </c>
    </row>
    <row r="464" spans="1:7" x14ac:dyDescent="0.3">
      <c r="A464" s="156" t="s">
        <v>2662</v>
      </c>
      <c r="B464" s="136" t="s">
        <v>1205</v>
      </c>
      <c r="C464" s="193" t="s">
        <v>1057</v>
      </c>
      <c r="D464" s="126" t="s">
        <v>1057</v>
      </c>
      <c r="E464" s="156"/>
      <c r="F464" s="174" t="str">
        <f t="shared" si="16"/>
        <v/>
      </c>
      <c r="G464" s="174" t="str">
        <f t="shared" si="17"/>
        <v/>
      </c>
    </row>
    <row r="465" spans="1:7" x14ac:dyDescent="0.3">
      <c r="A465" s="156" t="s">
        <v>2663</v>
      </c>
      <c r="B465" s="136" t="s">
        <v>1205</v>
      </c>
      <c r="C465" s="193" t="s">
        <v>1057</v>
      </c>
      <c r="D465" s="126" t="s">
        <v>1057</v>
      </c>
      <c r="E465" s="114"/>
      <c r="F465" s="174" t="str">
        <f t="shared" si="16"/>
        <v/>
      </c>
      <c r="G465" s="174" t="str">
        <f t="shared" si="17"/>
        <v/>
      </c>
    </row>
    <row r="466" spans="1:7" x14ac:dyDescent="0.3">
      <c r="A466" s="156" t="s">
        <v>2664</v>
      </c>
      <c r="B466" s="136" t="s">
        <v>1205</v>
      </c>
      <c r="C466" s="193" t="s">
        <v>1057</v>
      </c>
      <c r="D466" s="126" t="s">
        <v>1057</v>
      </c>
      <c r="E466" s="114"/>
      <c r="F466" s="174" t="str">
        <f t="shared" si="16"/>
        <v/>
      </c>
      <c r="G466" s="174" t="str">
        <f t="shared" si="17"/>
        <v/>
      </c>
    </row>
    <row r="467" spans="1:7" x14ac:dyDescent="0.3">
      <c r="A467" s="156" t="s">
        <v>2665</v>
      </c>
      <c r="B467" s="136" t="s">
        <v>1205</v>
      </c>
      <c r="C467" s="193" t="s">
        <v>1057</v>
      </c>
      <c r="D467" s="126" t="s">
        <v>1057</v>
      </c>
      <c r="E467" s="114"/>
      <c r="F467" s="174" t="str">
        <f t="shared" si="16"/>
        <v/>
      </c>
      <c r="G467" s="174" t="str">
        <f t="shared" si="17"/>
        <v/>
      </c>
    </row>
    <row r="468" spans="1:7" x14ac:dyDescent="0.3">
      <c r="A468" s="156" t="s">
        <v>2666</v>
      </c>
      <c r="B468" s="136" t="s">
        <v>1205</v>
      </c>
      <c r="C468" s="193" t="s">
        <v>1057</v>
      </c>
      <c r="D468" s="126" t="s">
        <v>1057</v>
      </c>
      <c r="E468" s="114"/>
      <c r="F468" s="174" t="str">
        <f t="shared" si="16"/>
        <v/>
      </c>
      <c r="G468" s="174" t="str">
        <f t="shared" si="17"/>
        <v/>
      </c>
    </row>
    <row r="469" spans="1:7" x14ac:dyDescent="0.3">
      <c r="A469" s="156" t="s">
        <v>2667</v>
      </c>
      <c r="B469" s="136" t="s">
        <v>1205</v>
      </c>
      <c r="C469" s="193" t="s">
        <v>1057</v>
      </c>
      <c r="D469" s="126" t="s">
        <v>1057</v>
      </c>
      <c r="E469" s="114"/>
      <c r="F469" s="174" t="str">
        <f t="shared" si="16"/>
        <v/>
      </c>
      <c r="G469" s="174" t="str">
        <f t="shared" si="17"/>
        <v/>
      </c>
    </row>
    <row r="470" spans="1:7" x14ac:dyDescent="0.3">
      <c r="A470" s="156" t="s">
        <v>2668</v>
      </c>
      <c r="B470" s="136" t="s">
        <v>1205</v>
      </c>
      <c r="C470" s="193" t="s">
        <v>1057</v>
      </c>
      <c r="D470" s="126" t="s">
        <v>1057</v>
      </c>
      <c r="E470" s="114"/>
      <c r="F470" s="174" t="str">
        <f t="shared" si="16"/>
        <v/>
      </c>
      <c r="G470" s="174" t="str">
        <f t="shared" si="17"/>
        <v/>
      </c>
    </row>
    <row r="471" spans="1:7" x14ac:dyDescent="0.3">
      <c r="A471" s="156" t="s">
        <v>2669</v>
      </c>
      <c r="B471" s="136" t="s">
        <v>1205</v>
      </c>
      <c r="C471" s="193" t="s">
        <v>1057</v>
      </c>
      <c r="D471" s="126" t="s">
        <v>1057</v>
      </c>
      <c r="E471" s="114"/>
      <c r="F471" s="174" t="str">
        <f t="shared" si="16"/>
        <v/>
      </c>
      <c r="G471" s="174" t="str">
        <f t="shared" si="17"/>
        <v/>
      </c>
    </row>
    <row r="472" spans="1:7" x14ac:dyDescent="0.3">
      <c r="A472" s="156" t="s">
        <v>2670</v>
      </c>
      <c r="B472" s="136" t="s">
        <v>1205</v>
      </c>
      <c r="C472" s="193" t="s">
        <v>1057</v>
      </c>
      <c r="D472" s="126" t="s">
        <v>1057</v>
      </c>
      <c r="E472" s="114"/>
      <c r="F472" s="174" t="str">
        <f t="shared" si="16"/>
        <v/>
      </c>
      <c r="G472" s="174" t="str">
        <f t="shared" si="17"/>
        <v/>
      </c>
    </row>
    <row r="473" spans="1:7" x14ac:dyDescent="0.3">
      <c r="A473" s="156" t="s">
        <v>2671</v>
      </c>
      <c r="B473" s="151" t="s">
        <v>366</v>
      </c>
      <c r="C473" s="177">
        <f>SUM(C449:C472)</f>
        <v>0</v>
      </c>
      <c r="D473" s="156">
        <f>SUM(D449:D472)</f>
        <v>0</v>
      </c>
      <c r="E473" s="114"/>
      <c r="F473" s="175">
        <f>SUM(F449:F472)</f>
        <v>0</v>
      </c>
      <c r="G473" s="175">
        <f>SUM(G449:G472)</f>
        <v>0</v>
      </c>
    </row>
    <row r="474" spans="1:7" x14ac:dyDescent="0.3">
      <c r="A474" s="103"/>
      <c r="B474" s="103" t="s">
        <v>1402</v>
      </c>
      <c r="C474" s="103" t="s">
        <v>1062</v>
      </c>
      <c r="D474" s="103" t="s">
        <v>1063</v>
      </c>
      <c r="E474" s="103"/>
      <c r="F474" s="103" t="s">
        <v>859</v>
      </c>
      <c r="G474" s="103" t="s">
        <v>1064</v>
      </c>
    </row>
    <row r="475" spans="1:7" x14ac:dyDescent="0.3">
      <c r="A475" s="156" t="s">
        <v>2672</v>
      </c>
      <c r="B475" s="156" t="s">
        <v>1107</v>
      </c>
      <c r="C475" s="191" t="s">
        <v>1057</v>
      </c>
      <c r="D475" s="156"/>
      <c r="E475" s="156"/>
      <c r="F475" s="156"/>
      <c r="G475" s="156"/>
    </row>
    <row r="476" spans="1:7" x14ac:dyDescent="0.3">
      <c r="A476" s="156"/>
      <c r="B476" s="156"/>
      <c r="C476" s="156"/>
      <c r="D476" s="156"/>
      <c r="E476" s="156"/>
      <c r="F476" s="156"/>
      <c r="G476" s="156"/>
    </row>
    <row r="477" spans="1:7" x14ac:dyDescent="0.3">
      <c r="A477" s="156"/>
      <c r="B477" s="151" t="s">
        <v>1108</v>
      </c>
      <c r="C477" s="156"/>
      <c r="D477" s="156"/>
      <c r="E477" s="156"/>
      <c r="F477" s="156"/>
      <c r="G477" s="156"/>
    </row>
    <row r="478" spans="1:7" x14ac:dyDescent="0.3">
      <c r="A478" s="156" t="s">
        <v>2673</v>
      </c>
      <c r="B478" s="156" t="s">
        <v>1110</v>
      </c>
      <c r="C478" s="193" t="s">
        <v>1057</v>
      </c>
      <c r="D478" s="126" t="s">
        <v>1057</v>
      </c>
      <c r="E478" s="156"/>
      <c r="F478" s="174" t="str">
        <f t="shared" ref="F478:F485" si="18">IF($C$486=0,"",IF(C478="[for completion]","",IF(C478="","",C478/$C$486)))</f>
        <v/>
      </c>
      <c r="G478" s="174" t="str">
        <f t="shared" ref="G478:G485" si="19">IF($D$486=0,"",IF(D478="[for completion]","",IF(D478="","",D478/$D$486)))</f>
        <v/>
      </c>
    </row>
    <row r="479" spans="1:7" x14ac:dyDescent="0.3">
      <c r="A479" s="156" t="s">
        <v>2674</v>
      </c>
      <c r="B479" s="156" t="s">
        <v>1112</v>
      </c>
      <c r="C479" s="193" t="s">
        <v>1057</v>
      </c>
      <c r="D479" s="126" t="s">
        <v>1057</v>
      </c>
      <c r="E479" s="156"/>
      <c r="F479" s="174" t="str">
        <f t="shared" si="18"/>
        <v/>
      </c>
      <c r="G479" s="174" t="str">
        <f t="shared" si="19"/>
        <v/>
      </c>
    </row>
    <row r="480" spans="1:7" x14ac:dyDescent="0.3">
      <c r="A480" s="156" t="s">
        <v>2675</v>
      </c>
      <c r="B480" s="156" t="s">
        <v>1114</v>
      </c>
      <c r="C480" s="193" t="s">
        <v>1057</v>
      </c>
      <c r="D480" s="126" t="s">
        <v>1057</v>
      </c>
      <c r="E480" s="156"/>
      <c r="F480" s="174" t="str">
        <f t="shared" si="18"/>
        <v/>
      </c>
      <c r="G480" s="174" t="str">
        <f t="shared" si="19"/>
        <v/>
      </c>
    </row>
    <row r="481" spans="1:7" x14ac:dyDescent="0.3">
      <c r="A481" s="156" t="s">
        <v>2676</v>
      </c>
      <c r="B481" s="156" t="s">
        <v>1116</v>
      </c>
      <c r="C481" s="193" t="s">
        <v>1057</v>
      </c>
      <c r="D481" s="126" t="s">
        <v>1057</v>
      </c>
      <c r="E481" s="156"/>
      <c r="F481" s="174" t="str">
        <f t="shared" si="18"/>
        <v/>
      </c>
      <c r="G481" s="174" t="str">
        <f t="shared" si="19"/>
        <v/>
      </c>
    </row>
    <row r="482" spans="1:7" x14ac:dyDescent="0.3">
      <c r="A482" s="156" t="s">
        <v>2677</v>
      </c>
      <c r="B482" s="156" t="s">
        <v>1118</v>
      </c>
      <c r="C482" s="193" t="s">
        <v>1057</v>
      </c>
      <c r="D482" s="126" t="s">
        <v>1057</v>
      </c>
      <c r="E482" s="156"/>
      <c r="F482" s="174" t="str">
        <f t="shared" si="18"/>
        <v/>
      </c>
      <c r="G482" s="174" t="str">
        <f t="shared" si="19"/>
        <v/>
      </c>
    </row>
    <row r="483" spans="1:7" x14ac:dyDescent="0.3">
      <c r="A483" s="156" t="s">
        <v>2678</v>
      </c>
      <c r="B483" s="156" t="s">
        <v>1120</v>
      </c>
      <c r="C483" s="193" t="s">
        <v>1057</v>
      </c>
      <c r="D483" s="126" t="s">
        <v>1057</v>
      </c>
      <c r="E483" s="156"/>
      <c r="F483" s="174" t="str">
        <f t="shared" si="18"/>
        <v/>
      </c>
      <c r="G483" s="174" t="str">
        <f t="shared" si="19"/>
        <v/>
      </c>
    </row>
    <row r="484" spans="1:7" x14ac:dyDescent="0.3">
      <c r="A484" s="156" t="s">
        <v>2679</v>
      </c>
      <c r="B484" s="156" t="s">
        <v>1122</v>
      </c>
      <c r="C484" s="193" t="s">
        <v>1057</v>
      </c>
      <c r="D484" s="126" t="s">
        <v>1057</v>
      </c>
      <c r="E484" s="156"/>
      <c r="F484" s="174" t="str">
        <f t="shared" si="18"/>
        <v/>
      </c>
      <c r="G484" s="174" t="str">
        <f t="shared" si="19"/>
        <v/>
      </c>
    </row>
    <row r="485" spans="1:7" x14ac:dyDescent="0.3">
      <c r="A485" s="156" t="s">
        <v>2680</v>
      </c>
      <c r="B485" s="156" t="s">
        <v>1124</v>
      </c>
      <c r="C485" s="193" t="s">
        <v>1057</v>
      </c>
      <c r="D485" s="126" t="s">
        <v>1057</v>
      </c>
      <c r="E485" s="156"/>
      <c r="F485" s="174" t="str">
        <f t="shared" si="18"/>
        <v/>
      </c>
      <c r="G485" s="174" t="str">
        <f t="shared" si="19"/>
        <v/>
      </c>
    </row>
    <row r="486" spans="1:7" x14ac:dyDescent="0.3">
      <c r="A486" s="156" t="s">
        <v>2681</v>
      </c>
      <c r="B486" s="115" t="s">
        <v>366</v>
      </c>
      <c r="C486" s="170">
        <f>SUM(C478:C485)</f>
        <v>0</v>
      </c>
      <c r="D486" s="116">
        <f>SUM(D478:D485)</f>
        <v>0</v>
      </c>
      <c r="E486" s="156"/>
      <c r="F486" s="173">
        <f>SUM(F478:F485)</f>
        <v>0</v>
      </c>
      <c r="G486" s="173">
        <f>SUM(G478:G485)</f>
        <v>0</v>
      </c>
    </row>
    <row r="487" spans="1:7" x14ac:dyDescent="0.3">
      <c r="A487" s="156" t="s">
        <v>2682</v>
      </c>
      <c r="B487" s="106" t="s">
        <v>1127</v>
      </c>
      <c r="C487" s="193"/>
      <c r="D487" s="126"/>
      <c r="E487" s="156"/>
      <c r="F487" s="174"/>
      <c r="G487" s="174"/>
    </row>
    <row r="488" spans="1:7" x14ac:dyDescent="0.3">
      <c r="A488" s="156" t="s">
        <v>2683</v>
      </c>
      <c r="B488" s="106" t="s">
        <v>1129</v>
      </c>
      <c r="C488" s="193"/>
      <c r="D488" s="126"/>
      <c r="E488" s="156"/>
      <c r="F488" s="174"/>
      <c r="G488" s="174"/>
    </row>
    <row r="489" spans="1:7" x14ac:dyDescent="0.3">
      <c r="A489" s="156" t="s">
        <v>2684</v>
      </c>
      <c r="B489" s="106" t="s">
        <v>1131</v>
      </c>
      <c r="C489" s="193"/>
      <c r="D489" s="126"/>
      <c r="E489" s="156"/>
      <c r="F489" s="174"/>
      <c r="G489" s="174"/>
    </row>
    <row r="490" spans="1:7" x14ac:dyDescent="0.3">
      <c r="A490" s="156" t="s">
        <v>2685</v>
      </c>
      <c r="B490" s="106" t="s">
        <v>1133</v>
      </c>
      <c r="C490" s="193"/>
      <c r="D490" s="126"/>
      <c r="E490" s="156"/>
      <c r="F490" s="174"/>
      <c r="G490" s="174"/>
    </row>
    <row r="491" spans="1:7" x14ac:dyDescent="0.3">
      <c r="A491" s="156" t="s">
        <v>2686</v>
      </c>
      <c r="B491" s="106" t="s">
        <v>1135</v>
      </c>
      <c r="C491" s="193"/>
      <c r="D491" s="126"/>
      <c r="E491" s="156"/>
      <c r="F491" s="174"/>
      <c r="G491" s="174"/>
    </row>
    <row r="492" spans="1:7" x14ac:dyDescent="0.3">
      <c r="A492" s="156" t="s">
        <v>2687</v>
      </c>
      <c r="B492" s="106" t="s">
        <v>1137</v>
      </c>
      <c r="C492" s="193"/>
      <c r="D492" s="126"/>
      <c r="E492" s="156"/>
      <c r="F492" s="174"/>
      <c r="G492" s="174"/>
    </row>
    <row r="493" spans="1:7" x14ac:dyDescent="0.3">
      <c r="A493" s="156" t="s">
        <v>2688</v>
      </c>
      <c r="B493" s="106"/>
      <c r="C493" s="156"/>
      <c r="D493" s="156"/>
      <c r="E493" s="156"/>
      <c r="F493" s="117"/>
      <c r="G493" s="117"/>
    </row>
    <row r="494" spans="1:7" x14ac:dyDescent="0.3">
      <c r="A494" s="156" t="s">
        <v>2689</v>
      </c>
      <c r="B494" s="106"/>
      <c r="C494" s="156"/>
      <c r="D494" s="156"/>
      <c r="E494" s="156"/>
      <c r="F494" s="117"/>
      <c r="G494" s="117"/>
    </row>
    <row r="495" spans="1:7" x14ac:dyDescent="0.3">
      <c r="A495" s="156" t="s">
        <v>2690</v>
      </c>
      <c r="B495" s="106"/>
      <c r="C495" s="156"/>
      <c r="D495" s="156"/>
      <c r="E495" s="156"/>
      <c r="F495" s="114"/>
      <c r="G495" s="114"/>
    </row>
    <row r="496" spans="1:7" x14ac:dyDescent="0.3">
      <c r="A496" s="103"/>
      <c r="B496" s="103" t="s">
        <v>1422</v>
      </c>
      <c r="C496" s="103" t="s">
        <v>1062</v>
      </c>
      <c r="D496" s="103" t="s">
        <v>1063</v>
      </c>
      <c r="E496" s="103"/>
      <c r="F496" s="103" t="s">
        <v>859</v>
      </c>
      <c r="G496" s="103" t="s">
        <v>1064</v>
      </c>
    </row>
    <row r="497" spans="1:7" x14ac:dyDescent="0.3">
      <c r="A497" s="156" t="s">
        <v>2691</v>
      </c>
      <c r="B497" s="156" t="s">
        <v>1107</v>
      </c>
      <c r="C497" s="191" t="s">
        <v>1144</v>
      </c>
      <c r="D497" s="156"/>
      <c r="E497" s="156"/>
      <c r="F497" s="156"/>
      <c r="G497" s="156"/>
    </row>
    <row r="498" spans="1:7" x14ac:dyDescent="0.3">
      <c r="A498" s="156"/>
      <c r="B498" s="156"/>
      <c r="C498" s="156"/>
      <c r="D498" s="156"/>
      <c r="E498" s="156"/>
      <c r="F498" s="156"/>
      <c r="G498" s="156"/>
    </row>
    <row r="499" spans="1:7" x14ac:dyDescent="0.3">
      <c r="A499" s="156"/>
      <c r="B499" s="151" t="s">
        <v>1108</v>
      </c>
      <c r="C499" s="156"/>
      <c r="D499" s="156"/>
      <c r="E499" s="156"/>
      <c r="F499" s="156"/>
      <c r="G499" s="156"/>
    </row>
    <row r="500" spans="1:7" x14ac:dyDescent="0.3">
      <c r="A500" s="156" t="s">
        <v>2692</v>
      </c>
      <c r="B500" s="156" t="s">
        <v>1110</v>
      </c>
      <c r="C500" s="193" t="s">
        <v>1144</v>
      </c>
      <c r="D500" s="126" t="s">
        <v>1144</v>
      </c>
      <c r="E500" s="156"/>
      <c r="F500" s="174" t="str">
        <f t="shared" ref="F500:F507" si="20">IF($C$508=0,"",IF(C500="[for completion]","",IF(C500="","",C500/$C$508)))</f>
        <v/>
      </c>
      <c r="G500" s="174" t="str">
        <f t="shared" ref="G500:G507" si="21">IF($D$508=0,"",IF(D500="[for completion]","",IF(D500="","",D500/$D$508)))</f>
        <v/>
      </c>
    </row>
    <row r="501" spans="1:7" x14ac:dyDescent="0.3">
      <c r="A501" s="156" t="s">
        <v>2693</v>
      </c>
      <c r="B501" s="156" t="s">
        <v>1112</v>
      </c>
      <c r="C501" s="193" t="s">
        <v>1144</v>
      </c>
      <c r="D501" s="126" t="s">
        <v>1144</v>
      </c>
      <c r="E501" s="156"/>
      <c r="F501" s="174" t="str">
        <f t="shared" si="20"/>
        <v/>
      </c>
      <c r="G501" s="174" t="str">
        <f t="shared" si="21"/>
        <v/>
      </c>
    </row>
    <row r="502" spans="1:7" x14ac:dyDescent="0.3">
      <c r="A502" s="156" t="s">
        <v>2694</v>
      </c>
      <c r="B502" s="156" t="s">
        <v>1114</v>
      </c>
      <c r="C502" s="193" t="s">
        <v>1144</v>
      </c>
      <c r="D502" s="126" t="s">
        <v>1144</v>
      </c>
      <c r="E502" s="156"/>
      <c r="F502" s="174" t="str">
        <f t="shared" si="20"/>
        <v/>
      </c>
      <c r="G502" s="174" t="str">
        <f t="shared" si="21"/>
        <v/>
      </c>
    </row>
    <row r="503" spans="1:7" x14ac:dyDescent="0.3">
      <c r="A503" s="156" t="s">
        <v>2695</v>
      </c>
      <c r="B503" s="156" t="s">
        <v>1116</v>
      </c>
      <c r="C503" s="193" t="s">
        <v>1144</v>
      </c>
      <c r="D503" s="126" t="s">
        <v>1144</v>
      </c>
      <c r="E503" s="156"/>
      <c r="F503" s="174" t="str">
        <f t="shared" si="20"/>
        <v/>
      </c>
      <c r="G503" s="174" t="str">
        <f t="shared" si="21"/>
        <v/>
      </c>
    </row>
    <row r="504" spans="1:7" x14ac:dyDescent="0.3">
      <c r="A504" s="156" t="s">
        <v>2696</v>
      </c>
      <c r="B504" s="156" t="s">
        <v>1118</v>
      </c>
      <c r="C504" s="193" t="s">
        <v>1144</v>
      </c>
      <c r="D504" s="126" t="s">
        <v>1144</v>
      </c>
      <c r="E504" s="156"/>
      <c r="F504" s="174" t="str">
        <f t="shared" si="20"/>
        <v/>
      </c>
      <c r="G504" s="174" t="str">
        <f t="shared" si="21"/>
        <v/>
      </c>
    </row>
    <row r="505" spans="1:7" x14ac:dyDescent="0.3">
      <c r="A505" s="156" t="s">
        <v>2697</v>
      </c>
      <c r="B505" s="156" t="s">
        <v>1120</v>
      </c>
      <c r="C505" s="193" t="s">
        <v>1144</v>
      </c>
      <c r="D505" s="126" t="s">
        <v>1144</v>
      </c>
      <c r="E505" s="156"/>
      <c r="F505" s="174" t="str">
        <f t="shared" si="20"/>
        <v/>
      </c>
      <c r="G505" s="174" t="str">
        <f t="shared" si="21"/>
        <v/>
      </c>
    </row>
    <row r="506" spans="1:7" x14ac:dyDescent="0.3">
      <c r="A506" s="156" t="s">
        <v>2698</v>
      </c>
      <c r="B506" s="156" t="s">
        <v>1122</v>
      </c>
      <c r="C506" s="193" t="s">
        <v>1144</v>
      </c>
      <c r="D506" s="126" t="s">
        <v>1144</v>
      </c>
      <c r="E506" s="156"/>
      <c r="F506" s="174" t="str">
        <f t="shared" si="20"/>
        <v/>
      </c>
      <c r="G506" s="174" t="str">
        <f t="shared" si="21"/>
        <v/>
      </c>
    </row>
    <row r="507" spans="1:7" x14ac:dyDescent="0.3">
      <c r="A507" s="156" t="s">
        <v>2699</v>
      </c>
      <c r="B507" s="156" t="s">
        <v>1124</v>
      </c>
      <c r="C507" s="193" t="s">
        <v>1144</v>
      </c>
      <c r="D507" s="123" t="s">
        <v>1144</v>
      </c>
      <c r="E507" s="156"/>
      <c r="F507" s="174" t="str">
        <f t="shared" si="20"/>
        <v/>
      </c>
      <c r="G507" s="174" t="str">
        <f t="shared" si="21"/>
        <v/>
      </c>
    </row>
    <row r="508" spans="1:7" x14ac:dyDescent="0.3">
      <c r="A508" s="156" t="s">
        <v>2700</v>
      </c>
      <c r="B508" s="115" t="s">
        <v>366</v>
      </c>
      <c r="C508" s="170">
        <f>SUM(C500:C507)</f>
        <v>0</v>
      </c>
      <c r="D508" s="116">
        <f>SUM(D500:D507)</f>
        <v>0</v>
      </c>
      <c r="E508" s="156"/>
      <c r="F508" s="173">
        <f>SUM(F500:F507)</f>
        <v>0</v>
      </c>
      <c r="G508" s="173">
        <f>SUM(G500:G507)</f>
        <v>0</v>
      </c>
    </row>
    <row r="509" spans="1:7" x14ac:dyDescent="0.3">
      <c r="A509" s="156" t="s">
        <v>2701</v>
      </c>
      <c r="B509" s="106" t="s">
        <v>1127</v>
      </c>
      <c r="C509" s="170"/>
      <c r="D509" s="147"/>
      <c r="E509" s="156"/>
      <c r="F509" s="174"/>
      <c r="G509" s="174"/>
    </row>
    <row r="510" spans="1:7" x14ac:dyDescent="0.3">
      <c r="A510" s="156" t="s">
        <v>2702</v>
      </c>
      <c r="B510" s="106" t="s">
        <v>1129</v>
      </c>
      <c r="C510" s="170"/>
      <c r="D510" s="147"/>
      <c r="E510" s="156"/>
      <c r="F510" s="174"/>
      <c r="G510" s="174"/>
    </row>
    <row r="511" spans="1:7" x14ac:dyDescent="0.3">
      <c r="A511" s="156" t="s">
        <v>2703</v>
      </c>
      <c r="B511" s="106" t="s">
        <v>1131</v>
      </c>
      <c r="C511" s="170"/>
      <c r="D511" s="147"/>
      <c r="E511" s="156"/>
      <c r="F511" s="174"/>
      <c r="G511" s="174"/>
    </row>
    <row r="512" spans="1:7" x14ac:dyDescent="0.3">
      <c r="A512" s="156" t="s">
        <v>2704</v>
      </c>
      <c r="B512" s="106" t="s">
        <v>1133</v>
      </c>
      <c r="C512" s="170"/>
      <c r="D512" s="147"/>
      <c r="E512" s="156"/>
      <c r="F512" s="174"/>
      <c r="G512" s="174"/>
    </row>
    <row r="513" spans="1:7" x14ac:dyDescent="0.3">
      <c r="A513" s="156" t="s">
        <v>2705</v>
      </c>
      <c r="B513" s="106" t="s">
        <v>1135</v>
      </c>
      <c r="C513" s="170"/>
      <c r="D513" s="147"/>
      <c r="E513" s="156"/>
      <c r="F513" s="174"/>
      <c r="G513" s="174"/>
    </row>
    <row r="514" spans="1:7" x14ac:dyDescent="0.3">
      <c r="A514" s="156" t="s">
        <v>2706</v>
      </c>
      <c r="B514" s="106" t="s">
        <v>1137</v>
      </c>
      <c r="C514" s="170"/>
      <c r="D514" s="147"/>
      <c r="E514" s="156"/>
      <c r="F514" s="174"/>
      <c r="G514" s="174"/>
    </row>
    <row r="515" spans="1:7" x14ac:dyDescent="0.3">
      <c r="A515" s="156" t="s">
        <v>2707</v>
      </c>
      <c r="B515" s="106"/>
      <c r="C515" s="156"/>
      <c r="D515" s="156"/>
      <c r="E515" s="156"/>
      <c r="F515" s="174"/>
      <c r="G515" s="174"/>
    </row>
    <row r="516" spans="1:7" x14ac:dyDescent="0.3">
      <c r="A516" s="156" t="s">
        <v>2708</v>
      </c>
      <c r="B516" s="106"/>
      <c r="C516" s="156"/>
      <c r="D516" s="156"/>
      <c r="E516" s="156"/>
      <c r="F516" s="174"/>
      <c r="G516" s="174"/>
    </row>
    <row r="517" spans="1:7" x14ac:dyDescent="0.3">
      <c r="A517" s="156" t="s">
        <v>2709</v>
      </c>
      <c r="B517" s="106"/>
      <c r="C517" s="156"/>
      <c r="D517" s="156"/>
      <c r="E517" s="156"/>
      <c r="F517" s="174"/>
      <c r="G517" s="173"/>
    </row>
    <row r="518" spans="1:7" x14ac:dyDescent="0.3">
      <c r="A518" s="103"/>
      <c r="B518" s="103" t="s">
        <v>1442</v>
      </c>
      <c r="C518" s="103" t="s">
        <v>1443</v>
      </c>
      <c r="D518" s="103"/>
      <c r="E518" s="103"/>
      <c r="F518" s="103"/>
      <c r="G518" s="103"/>
    </row>
    <row r="519" spans="1:7" x14ac:dyDescent="0.3">
      <c r="A519" s="156" t="s">
        <v>2710</v>
      </c>
      <c r="B519" s="151" t="s">
        <v>1445</v>
      </c>
      <c r="C519" s="191" t="s">
        <v>1057</v>
      </c>
      <c r="D519" s="191"/>
      <c r="E519" s="156"/>
      <c r="F519" s="156"/>
      <c r="G519" s="156"/>
    </row>
    <row r="520" spans="1:7" x14ac:dyDescent="0.3">
      <c r="A520" s="156" t="s">
        <v>2711</v>
      </c>
      <c r="B520" s="151" t="s">
        <v>1447</v>
      </c>
      <c r="C520" s="191" t="s">
        <v>1057</v>
      </c>
      <c r="D520" s="191"/>
      <c r="E520" s="156"/>
      <c r="F520" s="156"/>
      <c r="G520" s="156"/>
    </row>
    <row r="521" spans="1:7" x14ac:dyDescent="0.3">
      <c r="A521" s="156" t="s">
        <v>2712</v>
      </c>
      <c r="B521" s="151" t="s">
        <v>1449</v>
      </c>
      <c r="C521" s="191" t="s">
        <v>1057</v>
      </c>
      <c r="D521" s="191"/>
      <c r="E521" s="156"/>
      <c r="F521" s="156"/>
      <c r="G521" s="156"/>
    </row>
    <row r="522" spans="1:7" x14ac:dyDescent="0.3">
      <c r="A522" s="156" t="s">
        <v>2713</v>
      </c>
      <c r="B522" s="151" t="s">
        <v>1451</v>
      </c>
      <c r="C522" s="191" t="s">
        <v>1057</v>
      </c>
      <c r="D522" s="191"/>
      <c r="E522" s="156"/>
      <c r="F522" s="156"/>
      <c r="G522" s="156"/>
    </row>
    <row r="523" spans="1:7" x14ac:dyDescent="0.3">
      <c r="A523" s="156" t="s">
        <v>2714</v>
      </c>
      <c r="B523" s="151" t="s">
        <v>1453</v>
      </c>
      <c r="C523" s="191" t="s">
        <v>1057</v>
      </c>
      <c r="D523" s="191"/>
      <c r="E523" s="156"/>
      <c r="F523" s="156"/>
      <c r="G523" s="156"/>
    </row>
    <row r="524" spans="1:7" x14ac:dyDescent="0.3">
      <c r="A524" s="156" t="s">
        <v>2715</v>
      </c>
      <c r="B524" s="151" t="s">
        <v>1455</v>
      </c>
      <c r="C524" s="191" t="s">
        <v>1057</v>
      </c>
      <c r="D524" s="191"/>
      <c r="E524" s="156"/>
      <c r="F524" s="156"/>
      <c r="G524" s="156"/>
    </row>
    <row r="525" spans="1:7" x14ac:dyDescent="0.3">
      <c r="A525" s="156" t="s">
        <v>2716</v>
      </c>
      <c r="B525" s="151" t="s">
        <v>1457</v>
      </c>
      <c r="C525" s="191" t="s">
        <v>1057</v>
      </c>
      <c r="D525" s="191"/>
      <c r="E525" s="156"/>
      <c r="F525" s="156"/>
      <c r="G525" s="156"/>
    </row>
    <row r="526" spans="1:7" x14ac:dyDescent="0.3">
      <c r="A526" s="156" t="s">
        <v>2717</v>
      </c>
      <c r="B526" s="151" t="s">
        <v>1459</v>
      </c>
      <c r="C526" s="191" t="s">
        <v>1057</v>
      </c>
      <c r="D526" s="191"/>
      <c r="E526" s="156"/>
      <c r="F526" s="156"/>
      <c r="G526" s="156"/>
    </row>
    <row r="527" spans="1:7" x14ac:dyDescent="0.3">
      <c r="A527" s="156" t="s">
        <v>2718</v>
      </c>
      <c r="B527" s="151" t="s">
        <v>1461</v>
      </c>
      <c r="C527" s="191" t="s">
        <v>1057</v>
      </c>
      <c r="D527" s="191"/>
      <c r="E527" s="156"/>
      <c r="F527" s="156"/>
      <c r="G527" s="156"/>
    </row>
    <row r="528" spans="1:7" x14ac:dyDescent="0.3">
      <c r="A528" s="156" t="s">
        <v>2719</v>
      </c>
      <c r="B528" s="151" t="s">
        <v>1463</v>
      </c>
      <c r="C528" s="191" t="s">
        <v>1057</v>
      </c>
      <c r="D528" s="191"/>
      <c r="E528" s="156"/>
      <c r="F528" s="156"/>
      <c r="G528" s="156"/>
    </row>
    <row r="529" spans="1:7" x14ac:dyDescent="0.3">
      <c r="A529" s="156" t="s">
        <v>2720</v>
      </c>
      <c r="B529" s="151" t="s">
        <v>1465</v>
      </c>
      <c r="C529" s="191" t="s">
        <v>1057</v>
      </c>
      <c r="D529" s="191"/>
      <c r="E529" s="156"/>
      <c r="F529" s="156"/>
      <c r="G529" s="156"/>
    </row>
    <row r="530" spans="1:7" x14ac:dyDescent="0.3">
      <c r="A530" s="156" t="s">
        <v>2721</v>
      </c>
      <c r="B530" s="151" t="s">
        <v>1467</v>
      </c>
      <c r="C530" s="191" t="s">
        <v>1057</v>
      </c>
      <c r="D530" s="191"/>
      <c r="E530" s="156"/>
      <c r="F530" s="156"/>
      <c r="G530" s="156"/>
    </row>
    <row r="531" spans="1:7" x14ac:dyDescent="0.3">
      <c r="A531" s="156" t="s">
        <v>2722</v>
      </c>
      <c r="B531" s="151" t="s">
        <v>364</v>
      </c>
      <c r="C531" s="191" t="s">
        <v>1057</v>
      </c>
      <c r="D531" s="191"/>
      <c r="E531" s="156"/>
      <c r="F531" s="156"/>
      <c r="G531" s="156"/>
    </row>
    <row r="532" spans="1:7" x14ac:dyDescent="0.3">
      <c r="A532" s="156" t="s">
        <v>2723</v>
      </c>
      <c r="B532" s="106" t="s">
        <v>1470</v>
      </c>
      <c r="C532" s="191"/>
      <c r="D532" s="164"/>
      <c r="E532" s="156"/>
      <c r="F532" s="156"/>
      <c r="G532" s="156"/>
    </row>
    <row r="533" spans="1:7" x14ac:dyDescent="0.3">
      <c r="A533" s="156" t="s">
        <v>2724</v>
      </c>
      <c r="B533" s="106" t="s">
        <v>368</v>
      </c>
      <c r="C533" s="191"/>
      <c r="D533" s="164"/>
      <c r="E533" s="156"/>
      <c r="F533" s="156"/>
      <c r="G533" s="156"/>
    </row>
    <row r="534" spans="1:7" x14ac:dyDescent="0.3">
      <c r="A534" s="156" t="s">
        <v>2725</v>
      </c>
      <c r="B534" s="106" t="s">
        <v>368</v>
      </c>
      <c r="C534" s="191"/>
      <c r="D534" s="164"/>
      <c r="E534" s="156"/>
      <c r="F534" s="156"/>
      <c r="G534" s="156"/>
    </row>
    <row r="535" spans="1:7" x14ac:dyDescent="0.3">
      <c r="A535" s="156" t="s">
        <v>2726</v>
      </c>
      <c r="B535" s="106" t="s">
        <v>368</v>
      </c>
      <c r="C535" s="191"/>
      <c r="D535" s="164"/>
      <c r="E535" s="156"/>
      <c r="F535" s="156"/>
      <c r="G535" s="156"/>
    </row>
    <row r="536" spans="1:7" x14ac:dyDescent="0.3">
      <c r="A536" s="156" t="s">
        <v>2727</v>
      </c>
      <c r="B536" s="106" t="s">
        <v>368</v>
      </c>
      <c r="C536" s="191"/>
      <c r="D536" s="164"/>
      <c r="E536" s="156"/>
      <c r="F536" s="156"/>
      <c r="G536" s="156"/>
    </row>
    <row r="537" spans="1:7" x14ac:dyDescent="0.3">
      <c r="A537" s="156" t="s">
        <v>2728</v>
      </c>
      <c r="B537" s="106" t="s">
        <v>368</v>
      </c>
      <c r="C537" s="191"/>
      <c r="D537" s="164"/>
      <c r="E537" s="156"/>
      <c r="F537" s="156"/>
      <c r="G537" s="156"/>
    </row>
    <row r="538" spans="1:7" x14ac:dyDescent="0.3">
      <c r="A538" s="156" t="s">
        <v>2729</v>
      </c>
      <c r="B538" s="106" t="s">
        <v>368</v>
      </c>
      <c r="C538" s="191"/>
      <c r="D538" s="164"/>
      <c r="E538" s="156"/>
      <c r="F538" s="156"/>
      <c r="G538" s="156"/>
    </row>
    <row r="539" spans="1:7" x14ac:dyDescent="0.3">
      <c r="A539" s="156" t="s">
        <v>2730</v>
      </c>
      <c r="B539" s="106" t="s">
        <v>368</v>
      </c>
      <c r="C539" s="191"/>
      <c r="D539" s="164"/>
      <c r="E539" s="156"/>
      <c r="F539" s="156"/>
      <c r="G539" s="156"/>
    </row>
    <row r="540" spans="1:7" x14ac:dyDescent="0.3">
      <c r="A540" s="156" t="s">
        <v>2731</v>
      </c>
      <c r="B540" s="106" t="s">
        <v>368</v>
      </c>
      <c r="C540" s="191"/>
      <c r="D540" s="164"/>
      <c r="E540" s="156"/>
      <c r="F540" s="156"/>
      <c r="G540" s="156"/>
    </row>
    <row r="541" spans="1:7" x14ac:dyDescent="0.3">
      <c r="A541" s="156" t="s">
        <v>2732</v>
      </c>
      <c r="B541" s="106" t="s">
        <v>368</v>
      </c>
      <c r="C541" s="191"/>
      <c r="D541" s="164"/>
      <c r="E541" s="156"/>
      <c r="F541" s="156"/>
      <c r="G541" s="156"/>
    </row>
    <row r="542" spans="1:7" x14ac:dyDescent="0.3">
      <c r="A542" s="156" t="s">
        <v>2733</v>
      </c>
      <c r="B542" s="106" t="s">
        <v>368</v>
      </c>
      <c r="C542" s="191"/>
      <c r="D542" s="164"/>
      <c r="E542" s="156"/>
      <c r="F542" s="156"/>
      <c r="G542" s="156"/>
    </row>
    <row r="543" spans="1:7" x14ac:dyDescent="0.3">
      <c r="A543" s="156" t="s">
        <v>2734</v>
      </c>
      <c r="B543" s="106" t="s">
        <v>368</v>
      </c>
      <c r="C543" s="191"/>
      <c r="D543" s="164"/>
      <c r="E543" s="156"/>
      <c r="F543" s="156"/>
      <c r="G543" s="128"/>
    </row>
    <row r="544" spans="1:7" x14ac:dyDescent="0.3">
      <c r="A544" s="156" t="s">
        <v>2735</v>
      </c>
      <c r="B544" s="106" t="s">
        <v>368</v>
      </c>
      <c r="C544" s="191"/>
      <c r="D544" s="164"/>
      <c r="E544" s="156"/>
      <c r="F544" s="156"/>
      <c r="G544" s="128"/>
    </row>
    <row r="545" spans="1:7" x14ac:dyDescent="0.3">
      <c r="A545" s="156" t="s">
        <v>2736</v>
      </c>
      <c r="B545" s="106" t="s">
        <v>368</v>
      </c>
      <c r="C545" s="191"/>
      <c r="D545" s="164"/>
      <c r="E545" s="156"/>
      <c r="F545" s="156"/>
      <c r="G545" s="128"/>
    </row>
    <row r="546" spans="1:7" x14ac:dyDescent="0.3">
      <c r="A546" s="103"/>
      <c r="B546" s="103" t="s">
        <v>2737</v>
      </c>
      <c r="C546" s="103" t="s">
        <v>325</v>
      </c>
      <c r="D546" s="103" t="s">
        <v>1485</v>
      </c>
      <c r="E546" s="103"/>
      <c r="F546" s="103" t="s">
        <v>859</v>
      </c>
      <c r="G546" s="103" t="s">
        <v>1486</v>
      </c>
    </row>
    <row r="547" spans="1:7" x14ac:dyDescent="0.3">
      <c r="A547" s="156" t="s">
        <v>2738</v>
      </c>
      <c r="B547" s="136" t="s">
        <v>1205</v>
      </c>
      <c r="C547" s="164" t="s">
        <v>1057</v>
      </c>
      <c r="D547" s="164" t="s">
        <v>1057</v>
      </c>
      <c r="E547" s="145"/>
      <c r="F547" s="174" t="str">
        <f t="shared" ref="F547:F564" si="22">IF($C$565=0,"",IF(C547="[for completion]","",IF(C547="","",C547/$C$565)))</f>
        <v/>
      </c>
      <c r="G547" s="174" t="str">
        <f t="shared" ref="G547:G564" si="23">IF($D$565=0,"",IF(D547="[for completion]","",IF(D547="","",D547/$D$565)))</f>
        <v/>
      </c>
    </row>
    <row r="548" spans="1:7" x14ac:dyDescent="0.3">
      <c r="A548" s="156" t="s">
        <v>2739</v>
      </c>
      <c r="B548" s="136" t="s">
        <v>1205</v>
      </c>
      <c r="C548" s="164" t="s">
        <v>1057</v>
      </c>
      <c r="D548" s="164" t="s">
        <v>1057</v>
      </c>
      <c r="E548" s="145"/>
      <c r="F548" s="174" t="str">
        <f t="shared" si="22"/>
        <v/>
      </c>
      <c r="G548" s="174" t="str">
        <f t="shared" si="23"/>
        <v/>
      </c>
    </row>
    <row r="549" spans="1:7" x14ac:dyDescent="0.3">
      <c r="A549" s="156" t="s">
        <v>2740</v>
      </c>
      <c r="B549" s="136" t="s">
        <v>1205</v>
      </c>
      <c r="C549" s="164" t="s">
        <v>1057</v>
      </c>
      <c r="D549" s="164" t="s">
        <v>1057</v>
      </c>
      <c r="E549" s="145"/>
      <c r="F549" s="174" t="str">
        <f t="shared" si="22"/>
        <v/>
      </c>
      <c r="G549" s="174" t="str">
        <f t="shared" si="23"/>
        <v/>
      </c>
    </row>
    <row r="550" spans="1:7" x14ac:dyDescent="0.3">
      <c r="A550" s="156" t="s">
        <v>2741</v>
      </c>
      <c r="B550" s="136" t="s">
        <v>1205</v>
      </c>
      <c r="C550" s="164" t="s">
        <v>1057</v>
      </c>
      <c r="D550" s="164" t="s">
        <v>1057</v>
      </c>
      <c r="E550" s="145"/>
      <c r="F550" s="174" t="str">
        <f t="shared" si="22"/>
        <v/>
      </c>
      <c r="G550" s="174" t="str">
        <f t="shared" si="23"/>
        <v/>
      </c>
    </row>
    <row r="551" spans="1:7" x14ac:dyDescent="0.3">
      <c r="A551" s="156" t="s">
        <v>2742</v>
      </c>
      <c r="B551" s="136" t="s">
        <v>1205</v>
      </c>
      <c r="C551" s="164" t="s">
        <v>1057</v>
      </c>
      <c r="D551" s="164" t="s">
        <v>1057</v>
      </c>
      <c r="E551" s="145"/>
      <c r="F551" s="174" t="str">
        <f t="shared" si="22"/>
        <v/>
      </c>
      <c r="G551" s="174" t="str">
        <f t="shared" si="23"/>
        <v/>
      </c>
    </row>
    <row r="552" spans="1:7" x14ac:dyDescent="0.3">
      <c r="A552" s="156" t="s">
        <v>2743</v>
      </c>
      <c r="B552" s="136" t="s">
        <v>1205</v>
      </c>
      <c r="C552" s="164" t="s">
        <v>1057</v>
      </c>
      <c r="D552" s="164" t="s">
        <v>1057</v>
      </c>
      <c r="E552" s="145"/>
      <c r="F552" s="174" t="str">
        <f t="shared" si="22"/>
        <v/>
      </c>
      <c r="G552" s="174" t="str">
        <f t="shared" si="23"/>
        <v/>
      </c>
    </row>
    <row r="553" spans="1:7" x14ac:dyDescent="0.3">
      <c r="A553" s="156" t="s">
        <v>2744</v>
      </c>
      <c r="B553" s="136" t="s">
        <v>1205</v>
      </c>
      <c r="C553" s="164" t="s">
        <v>1057</v>
      </c>
      <c r="D553" s="164" t="s">
        <v>1057</v>
      </c>
      <c r="E553" s="145"/>
      <c r="F553" s="174" t="str">
        <f t="shared" si="22"/>
        <v/>
      </c>
      <c r="G553" s="174" t="str">
        <f t="shared" si="23"/>
        <v/>
      </c>
    </row>
    <row r="554" spans="1:7" x14ac:dyDescent="0.3">
      <c r="A554" s="156" t="s">
        <v>2745</v>
      </c>
      <c r="B554" s="136" t="s">
        <v>1205</v>
      </c>
      <c r="C554" s="164" t="s">
        <v>1057</v>
      </c>
      <c r="D554" s="164" t="s">
        <v>1057</v>
      </c>
      <c r="E554" s="145"/>
      <c r="F554" s="174" t="str">
        <f t="shared" si="22"/>
        <v/>
      </c>
      <c r="G554" s="174" t="str">
        <f t="shared" si="23"/>
        <v/>
      </c>
    </row>
    <row r="555" spans="1:7" x14ac:dyDescent="0.3">
      <c r="A555" s="156" t="s">
        <v>2746</v>
      </c>
      <c r="B555" s="136" t="s">
        <v>1205</v>
      </c>
      <c r="C555" s="164" t="s">
        <v>1057</v>
      </c>
      <c r="D555" s="164" t="s">
        <v>1057</v>
      </c>
      <c r="E555" s="145"/>
      <c r="F555" s="174" t="str">
        <f t="shared" si="22"/>
        <v/>
      </c>
      <c r="G555" s="174" t="str">
        <f t="shared" si="23"/>
        <v/>
      </c>
    </row>
    <row r="556" spans="1:7" x14ac:dyDescent="0.3">
      <c r="A556" s="156" t="s">
        <v>2747</v>
      </c>
      <c r="B556" s="136" t="s">
        <v>1205</v>
      </c>
      <c r="C556" s="164" t="s">
        <v>1057</v>
      </c>
      <c r="D556" s="164" t="s">
        <v>1057</v>
      </c>
      <c r="E556" s="145"/>
      <c r="F556" s="174" t="str">
        <f t="shared" si="22"/>
        <v/>
      </c>
      <c r="G556" s="174" t="str">
        <f t="shared" si="23"/>
        <v/>
      </c>
    </row>
    <row r="557" spans="1:7" x14ac:dyDescent="0.3">
      <c r="A557" s="156" t="s">
        <v>2748</v>
      </c>
      <c r="B557" s="136" t="s">
        <v>1205</v>
      </c>
      <c r="C557" s="164" t="s">
        <v>1057</v>
      </c>
      <c r="D557" s="164" t="s">
        <v>1057</v>
      </c>
      <c r="E557" s="145"/>
      <c r="F557" s="174" t="str">
        <f t="shared" si="22"/>
        <v/>
      </c>
      <c r="G557" s="174" t="str">
        <f t="shared" si="23"/>
        <v/>
      </c>
    </row>
    <row r="558" spans="1:7" x14ac:dyDescent="0.3">
      <c r="A558" s="156" t="s">
        <v>2749</v>
      </c>
      <c r="B558" s="136" t="s">
        <v>1205</v>
      </c>
      <c r="C558" s="164" t="s">
        <v>1057</v>
      </c>
      <c r="D558" s="164" t="s">
        <v>1057</v>
      </c>
      <c r="E558" s="145"/>
      <c r="F558" s="174" t="str">
        <f t="shared" si="22"/>
        <v/>
      </c>
      <c r="G558" s="174" t="str">
        <f t="shared" si="23"/>
        <v/>
      </c>
    </row>
    <row r="559" spans="1:7" x14ac:dyDescent="0.3">
      <c r="A559" s="156" t="s">
        <v>2750</v>
      </c>
      <c r="B559" s="136" t="s">
        <v>1205</v>
      </c>
      <c r="C559" s="164" t="s">
        <v>1057</v>
      </c>
      <c r="D559" s="164" t="s">
        <v>1057</v>
      </c>
      <c r="E559" s="145"/>
      <c r="F559" s="174" t="str">
        <f t="shared" si="22"/>
        <v/>
      </c>
      <c r="G559" s="174" t="str">
        <f t="shared" si="23"/>
        <v/>
      </c>
    </row>
    <row r="560" spans="1:7" x14ac:dyDescent="0.3">
      <c r="A560" s="156" t="s">
        <v>2751</v>
      </c>
      <c r="B560" s="136" t="s">
        <v>1205</v>
      </c>
      <c r="C560" s="164" t="s">
        <v>1057</v>
      </c>
      <c r="D560" s="164" t="s">
        <v>1057</v>
      </c>
      <c r="E560" s="145"/>
      <c r="F560" s="174" t="str">
        <f t="shared" si="22"/>
        <v/>
      </c>
      <c r="G560" s="174" t="str">
        <f t="shared" si="23"/>
        <v/>
      </c>
    </row>
    <row r="561" spans="1:7" x14ac:dyDescent="0.3">
      <c r="A561" s="156" t="s">
        <v>2752</v>
      </c>
      <c r="B561" s="136" t="s">
        <v>1205</v>
      </c>
      <c r="C561" s="164" t="s">
        <v>1057</v>
      </c>
      <c r="D561" s="164" t="s">
        <v>1057</v>
      </c>
      <c r="E561" s="145"/>
      <c r="F561" s="174" t="str">
        <f t="shared" si="22"/>
        <v/>
      </c>
      <c r="G561" s="174" t="str">
        <f t="shared" si="23"/>
        <v/>
      </c>
    </row>
    <row r="562" spans="1:7" x14ac:dyDescent="0.3">
      <c r="A562" s="156" t="s">
        <v>2753</v>
      </c>
      <c r="B562" s="136" t="s">
        <v>1205</v>
      </c>
      <c r="C562" s="164" t="s">
        <v>1057</v>
      </c>
      <c r="D562" s="164" t="s">
        <v>1057</v>
      </c>
      <c r="E562" s="145"/>
      <c r="F562" s="174" t="str">
        <f t="shared" si="22"/>
        <v/>
      </c>
      <c r="G562" s="174" t="str">
        <f t="shared" si="23"/>
        <v/>
      </c>
    </row>
    <row r="563" spans="1:7" x14ac:dyDescent="0.3">
      <c r="A563" s="156" t="s">
        <v>2754</v>
      </c>
      <c r="B563" s="136" t="s">
        <v>1205</v>
      </c>
      <c r="C563" s="164" t="s">
        <v>1057</v>
      </c>
      <c r="D563" s="164" t="s">
        <v>1057</v>
      </c>
      <c r="E563" s="145"/>
      <c r="F563" s="174" t="str">
        <f t="shared" si="22"/>
        <v/>
      </c>
      <c r="G563" s="174" t="str">
        <f t="shared" si="23"/>
        <v/>
      </c>
    </row>
    <row r="564" spans="1:7" x14ac:dyDescent="0.3">
      <c r="A564" s="156" t="s">
        <v>2755</v>
      </c>
      <c r="B564" s="151" t="s">
        <v>1223</v>
      </c>
      <c r="C564" s="164" t="s">
        <v>1057</v>
      </c>
      <c r="D564" s="164" t="s">
        <v>1057</v>
      </c>
      <c r="E564" s="145"/>
      <c r="F564" s="174" t="str">
        <f t="shared" si="22"/>
        <v/>
      </c>
      <c r="G564" s="174" t="str">
        <f t="shared" si="23"/>
        <v/>
      </c>
    </row>
    <row r="565" spans="1:7" x14ac:dyDescent="0.3">
      <c r="A565" s="156" t="s">
        <v>2756</v>
      </c>
      <c r="B565" s="151" t="s">
        <v>366</v>
      </c>
      <c r="C565" s="170">
        <f>SUM(C547:C564)</f>
        <v>0</v>
      </c>
      <c r="D565" s="147">
        <f>SUM(D547:D564)</f>
        <v>0</v>
      </c>
      <c r="E565" s="145"/>
      <c r="F565" s="173">
        <f>SUM(F547:F564)</f>
        <v>0</v>
      </c>
      <c r="G565" s="173">
        <f>SUM(G547:G564)</f>
        <v>0</v>
      </c>
    </row>
    <row r="566" spans="1:7" x14ac:dyDescent="0.3">
      <c r="A566" s="156" t="s">
        <v>2757</v>
      </c>
      <c r="B566" s="151"/>
      <c r="C566" s="156"/>
      <c r="D566" s="156"/>
      <c r="E566" s="145"/>
      <c r="F566" s="145"/>
      <c r="G566" s="145"/>
    </row>
    <row r="567" spans="1:7" x14ac:dyDescent="0.3">
      <c r="A567" s="156" t="s">
        <v>2758</v>
      </c>
      <c r="B567" s="151"/>
      <c r="C567" s="156"/>
      <c r="D567" s="156"/>
      <c r="E567" s="145"/>
      <c r="F567" s="145"/>
      <c r="G567" s="145"/>
    </row>
    <row r="568" spans="1:7" x14ac:dyDescent="0.3">
      <c r="A568" s="156" t="s">
        <v>2759</v>
      </c>
      <c r="B568" s="151"/>
      <c r="C568" s="156"/>
      <c r="D568" s="156"/>
      <c r="E568" s="145"/>
      <c r="F568" s="145"/>
      <c r="G568" s="145"/>
    </row>
    <row r="569" spans="1:7" x14ac:dyDescent="0.3">
      <c r="A569" s="103"/>
      <c r="B569" s="103" t="s">
        <v>2760</v>
      </c>
      <c r="C569" s="103" t="s">
        <v>325</v>
      </c>
      <c r="D569" s="103" t="s">
        <v>1485</v>
      </c>
      <c r="E569" s="103"/>
      <c r="F569" s="103" t="s">
        <v>859</v>
      </c>
      <c r="G569" s="103" t="s">
        <v>2761</v>
      </c>
    </row>
    <row r="570" spans="1:7" x14ac:dyDescent="0.3">
      <c r="A570" s="156" t="s">
        <v>2762</v>
      </c>
      <c r="B570" s="136" t="s">
        <v>1205</v>
      </c>
      <c r="C570" s="193" t="s">
        <v>1057</v>
      </c>
      <c r="D570" s="126" t="s">
        <v>1057</v>
      </c>
      <c r="E570" s="145"/>
      <c r="F570" s="174" t="str">
        <f t="shared" ref="F570:F587" si="24">IF($C$588=0,"",IF(C570="[for completion]","",IF(C570="","",C570/$C$588)))</f>
        <v/>
      </c>
      <c r="G570" s="174" t="str">
        <f t="shared" ref="G570:G587" si="25">IF($D$588=0,"",IF(D570="[for completion]","",IF(D570="","",D570/$D$588)))</f>
        <v/>
      </c>
    </row>
    <row r="571" spans="1:7" x14ac:dyDescent="0.3">
      <c r="A571" s="156" t="s">
        <v>2763</v>
      </c>
      <c r="B571" s="136" t="s">
        <v>1205</v>
      </c>
      <c r="C571" s="193" t="s">
        <v>1057</v>
      </c>
      <c r="D571" s="126" t="s">
        <v>1057</v>
      </c>
      <c r="E571" s="145"/>
      <c r="F571" s="174" t="str">
        <f t="shared" si="24"/>
        <v/>
      </c>
      <c r="G571" s="174" t="str">
        <f t="shared" si="25"/>
        <v/>
      </c>
    </row>
    <row r="572" spans="1:7" x14ac:dyDescent="0.3">
      <c r="A572" s="156" t="s">
        <v>2764</v>
      </c>
      <c r="B572" s="136" t="s">
        <v>1205</v>
      </c>
      <c r="C572" s="193" t="s">
        <v>1057</v>
      </c>
      <c r="D572" s="126" t="s">
        <v>1057</v>
      </c>
      <c r="E572" s="145"/>
      <c r="F572" s="174" t="str">
        <f t="shared" si="24"/>
        <v/>
      </c>
      <c r="G572" s="174" t="str">
        <f t="shared" si="25"/>
        <v/>
      </c>
    </row>
    <row r="573" spans="1:7" x14ac:dyDescent="0.3">
      <c r="A573" s="156" t="s">
        <v>2765</v>
      </c>
      <c r="B573" s="136" t="s">
        <v>1205</v>
      </c>
      <c r="C573" s="193" t="s">
        <v>1057</v>
      </c>
      <c r="D573" s="126" t="s">
        <v>1057</v>
      </c>
      <c r="E573" s="145"/>
      <c r="F573" s="174" t="str">
        <f t="shared" si="24"/>
        <v/>
      </c>
      <c r="G573" s="174" t="str">
        <f t="shared" si="25"/>
        <v/>
      </c>
    </row>
    <row r="574" spans="1:7" x14ac:dyDescent="0.3">
      <c r="A574" s="156" t="s">
        <v>2766</v>
      </c>
      <c r="B574" s="136" t="s">
        <v>1205</v>
      </c>
      <c r="C574" s="193" t="s">
        <v>1057</v>
      </c>
      <c r="D574" s="126" t="s">
        <v>1057</v>
      </c>
      <c r="E574" s="145"/>
      <c r="F574" s="174" t="str">
        <f t="shared" si="24"/>
        <v/>
      </c>
      <c r="G574" s="174" t="str">
        <f t="shared" si="25"/>
        <v/>
      </c>
    </row>
    <row r="575" spans="1:7" x14ac:dyDescent="0.3">
      <c r="A575" s="156" t="s">
        <v>2767</v>
      </c>
      <c r="B575" s="136" t="s">
        <v>1205</v>
      </c>
      <c r="C575" s="193" t="s">
        <v>1057</v>
      </c>
      <c r="D575" s="126" t="s">
        <v>1057</v>
      </c>
      <c r="E575" s="145"/>
      <c r="F575" s="174" t="str">
        <f t="shared" si="24"/>
        <v/>
      </c>
      <c r="G575" s="174" t="str">
        <f t="shared" si="25"/>
        <v/>
      </c>
    </row>
    <row r="576" spans="1:7" x14ac:dyDescent="0.3">
      <c r="A576" s="156" t="s">
        <v>2768</v>
      </c>
      <c r="B576" s="136" t="s">
        <v>1205</v>
      </c>
      <c r="C576" s="193" t="s">
        <v>1057</v>
      </c>
      <c r="D576" s="126" t="s">
        <v>1057</v>
      </c>
      <c r="E576" s="145"/>
      <c r="F576" s="174" t="str">
        <f t="shared" si="24"/>
        <v/>
      </c>
      <c r="G576" s="174" t="str">
        <f t="shared" si="25"/>
        <v/>
      </c>
    </row>
    <row r="577" spans="1:7" x14ac:dyDescent="0.3">
      <c r="A577" s="156" t="s">
        <v>2769</v>
      </c>
      <c r="B577" s="136" t="s">
        <v>1205</v>
      </c>
      <c r="C577" s="193" t="s">
        <v>1057</v>
      </c>
      <c r="D577" s="126" t="s">
        <v>1057</v>
      </c>
      <c r="E577" s="145"/>
      <c r="F577" s="174" t="str">
        <f t="shared" si="24"/>
        <v/>
      </c>
      <c r="G577" s="174" t="str">
        <f t="shared" si="25"/>
        <v/>
      </c>
    </row>
    <row r="578" spans="1:7" x14ac:dyDescent="0.3">
      <c r="A578" s="156" t="s">
        <v>2770</v>
      </c>
      <c r="B578" s="136" t="s">
        <v>1205</v>
      </c>
      <c r="C578" s="193" t="s">
        <v>1057</v>
      </c>
      <c r="D578" s="126" t="s">
        <v>1057</v>
      </c>
      <c r="E578" s="145"/>
      <c r="F578" s="174" t="str">
        <f t="shared" si="24"/>
        <v/>
      </c>
      <c r="G578" s="174" t="str">
        <f t="shared" si="25"/>
        <v/>
      </c>
    </row>
    <row r="579" spans="1:7" x14ac:dyDescent="0.3">
      <c r="A579" s="156" t="s">
        <v>2771</v>
      </c>
      <c r="B579" s="136" t="s">
        <v>1205</v>
      </c>
      <c r="C579" s="193" t="s">
        <v>1057</v>
      </c>
      <c r="D579" s="126" t="s">
        <v>1057</v>
      </c>
      <c r="E579" s="145"/>
      <c r="F579" s="174" t="str">
        <f t="shared" si="24"/>
        <v/>
      </c>
      <c r="G579" s="174" t="str">
        <f t="shared" si="25"/>
        <v/>
      </c>
    </row>
    <row r="580" spans="1:7" x14ac:dyDescent="0.3">
      <c r="A580" s="156" t="s">
        <v>2772</v>
      </c>
      <c r="B580" s="136" t="s">
        <v>1205</v>
      </c>
      <c r="C580" s="193" t="s">
        <v>1057</v>
      </c>
      <c r="D580" s="126" t="s">
        <v>1057</v>
      </c>
      <c r="E580" s="145"/>
      <c r="F580" s="174" t="str">
        <f t="shared" si="24"/>
        <v/>
      </c>
      <c r="G580" s="174" t="str">
        <f t="shared" si="25"/>
        <v/>
      </c>
    </row>
    <row r="581" spans="1:7" x14ac:dyDescent="0.3">
      <c r="A581" s="156" t="s">
        <v>2773</v>
      </c>
      <c r="B581" s="136" t="s">
        <v>1205</v>
      </c>
      <c r="C581" s="193" t="s">
        <v>1057</v>
      </c>
      <c r="D581" s="126" t="s">
        <v>1057</v>
      </c>
      <c r="E581" s="145"/>
      <c r="F581" s="174" t="str">
        <f t="shared" si="24"/>
        <v/>
      </c>
      <c r="G581" s="174" t="str">
        <f t="shared" si="25"/>
        <v/>
      </c>
    </row>
    <row r="582" spans="1:7" x14ac:dyDescent="0.3">
      <c r="A582" s="156" t="s">
        <v>2774</v>
      </c>
      <c r="B582" s="136" t="s">
        <v>1205</v>
      </c>
      <c r="C582" s="193" t="s">
        <v>1057</v>
      </c>
      <c r="D582" s="126" t="s">
        <v>1057</v>
      </c>
      <c r="E582" s="145"/>
      <c r="F582" s="174" t="str">
        <f t="shared" si="24"/>
        <v/>
      </c>
      <c r="G582" s="174" t="str">
        <f t="shared" si="25"/>
        <v/>
      </c>
    </row>
    <row r="583" spans="1:7" x14ac:dyDescent="0.3">
      <c r="A583" s="156" t="s">
        <v>2775</v>
      </c>
      <c r="B583" s="136" t="s">
        <v>1205</v>
      </c>
      <c r="C583" s="193" t="s">
        <v>1057</v>
      </c>
      <c r="D583" s="126" t="s">
        <v>1057</v>
      </c>
      <c r="E583" s="145"/>
      <c r="F583" s="174" t="str">
        <f t="shared" si="24"/>
        <v/>
      </c>
      <c r="G583" s="174" t="str">
        <f t="shared" si="25"/>
        <v/>
      </c>
    </row>
    <row r="584" spans="1:7" x14ac:dyDescent="0.3">
      <c r="A584" s="156" t="s">
        <v>2776</v>
      </c>
      <c r="B584" s="136" t="s">
        <v>1205</v>
      </c>
      <c r="C584" s="193" t="s">
        <v>1057</v>
      </c>
      <c r="D584" s="126" t="s">
        <v>1057</v>
      </c>
      <c r="E584" s="145"/>
      <c r="F584" s="174" t="str">
        <f t="shared" si="24"/>
        <v/>
      </c>
      <c r="G584" s="174" t="str">
        <f t="shared" si="25"/>
        <v/>
      </c>
    </row>
    <row r="585" spans="1:7" x14ac:dyDescent="0.3">
      <c r="A585" s="156" t="s">
        <v>2777</v>
      </c>
      <c r="B585" s="136" t="s">
        <v>1205</v>
      </c>
      <c r="C585" s="193" t="s">
        <v>1057</v>
      </c>
      <c r="D585" s="126" t="s">
        <v>1057</v>
      </c>
      <c r="E585" s="145"/>
      <c r="F585" s="174" t="str">
        <f t="shared" si="24"/>
        <v/>
      </c>
      <c r="G585" s="174" t="str">
        <f t="shared" si="25"/>
        <v/>
      </c>
    </row>
    <row r="586" spans="1:7" x14ac:dyDescent="0.3">
      <c r="A586" s="156" t="s">
        <v>2778</v>
      </c>
      <c r="B586" s="136" t="s">
        <v>1205</v>
      </c>
      <c r="C586" s="193" t="s">
        <v>1057</v>
      </c>
      <c r="D586" s="126" t="s">
        <v>1057</v>
      </c>
      <c r="E586" s="145"/>
      <c r="F586" s="174" t="str">
        <f t="shared" si="24"/>
        <v/>
      </c>
      <c r="G586" s="174" t="str">
        <f t="shared" si="25"/>
        <v/>
      </c>
    </row>
    <row r="587" spans="1:7" x14ac:dyDescent="0.3">
      <c r="A587" s="156" t="s">
        <v>2779</v>
      </c>
      <c r="B587" s="151" t="s">
        <v>1223</v>
      </c>
      <c r="C587" s="193" t="s">
        <v>1057</v>
      </c>
      <c r="D587" s="126" t="s">
        <v>1057</v>
      </c>
      <c r="E587" s="145"/>
      <c r="F587" s="174" t="str">
        <f t="shared" si="24"/>
        <v/>
      </c>
      <c r="G587" s="174" t="str">
        <f t="shared" si="25"/>
        <v/>
      </c>
    </row>
    <row r="588" spans="1:7" x14ac:dyDescent="0.3">
      <c r="A588" s="156" t="s">
        <v>2780</v>
      </c>
      <c r="B588" s="151" t="s">
        <v>366</v>
      </c>
      <c r="C588" s="170">
        <f>SUM(C570:C587)</f>
        <v>0</v>
      </c>
      <c r="D588" s="147">
        <f>SUM(D570:D587)</f>
        <v>0</v>
      </c>
      <c r="E588" s="145"/>
      <c r="F588" s="173">
        <f>SUM(F570:F587)</f>
        <v>0</v>
      </c>
      <c r="G588" s="173">
        <f>SUM(G570:G587)</f>
        <v>0</v>
      </c>
    </row>
    <row r="589" spans="1:7" x14ac:dyDescent="0.3">
      <c r="A589" s="103"/>
      <c r="B589" s="103" t="s">
        <v>2781</v>
      </c>
      <c r="C589" s="103" t="s">
        <v>325</v>
      </c>
      <c r="D589" s="103" t="s">
        <v>1485</v>
      </c>
      <c r="E589" s="103"/>
      <c r="F589" s="103" t="s">
        <v>859</v>
      </c>
      <c r="G589" s="103" t="s">
        <v>1486</v>
      </c>
    </row>
    <row r="590" spans="1:7" x14ac:dyDescent="0.3">
      <c r="A590" s="156" t="s">
        <v>2782</v>
      </c>
      <c r="B590" s="151" t="s">
        <v>1253</v>
      </c>
      <c r="C590" s="164" t="s">
        <v>1057</v>
      </c>
      <c r="D590" s="164" t="s">
        <v>1057</v>
      </c>
      <c r="E590" s="145"/>
      <c r="F590" s="174" t="str">
        <f t="shared" ref="F590:F602" si="26">IF($C$603=0,"",IF(C590="[for completion]","",IF(C590="","",C590/$C$603)))</f>
        <v/>
      </c>
      <c r="G590" s="174" t="str">
        <f t="shared" ref="G590:G602" si="27">IF($D$603=0,"",IF(D590="[for completion]","",IF(D590="","",D590/$D$603)))</f>
        <v/>
      </c>
    </row>
    <row r="591" spans="1:7" x14ac:dyDescent="0.3">
      <c r="A591" s="156" t="s">
        <v>2783</v>
      </c>
      <c r="B591" s="151" t="s">
        <v>1255</v>
      </c>
      <c r="C591" s="164" t="s">
        <v>1057</v>
      </c>
      <c r="D591" s="164" t="s">
        <v>1057</v>
      </c>
      <c r="E591" s="145"/>
      <c r="F591" s="174" t="str">
        <f t="shared" si="26"/>
        <v/>
      </c>
      <c r="G591" s="174" t="str">
        <f t="shared" si="27"/>
        <v/>
      </c>
    </row>
    <row r="592" spans="1:7" x14ac:dyDescent="0.3">
      <c r="A592" s="156" t="s">
        <v>2784</v>
      </c>
      <c r="B592" s="151" t="s">
        <v>1257</v>
      </c>
      <c r="C592" s="164" t="s">
        <v>1057</v>
      </c>
      <c r="D592" s="164" t="s">
        <v>1057</v>
      </c>
      <c r="E592" s="145"/>
      <c r="F592" s="174" t="str">
        <f t="shared" si="26"/>
        <v/>
      </c>
      <c r="G592" s="174" t="str">
        <f t="shared" si="27"/>
        <v/>
      </c>
    </row>
    <row r="593" spans="1:7" x14ac:dyDescent="0.3">
      <c r="A593" s="156" t="s">
        <v>2785</v>
      </c>
      <c r="B593" s="151" t="s">
        <v>1259</v>
      </c>
      <c r="C593" s="164" t="s">
        <v>1057</v>
      </c>
      <c r="D593" s="164" t="s">
        <v>1057</v>
      </c>
      <c r="E593" s="145"/>
      <c r="F593" s="174" t="str">
        <f t="shared" si="26"/>
        <v/>
      </c>
      <c r="G593" s="174" t="str">
        <f t="shared" si="27"/>
        <v/>
      </c>
    </row>
    <row r="594" spans="1:7" x14ac:dyDescent="0.3">
      <c r="A594" s="156" t="s">
        <v>2786</v>
      </c>
      <c r="B594" s="151" t="s">
        <v>1261</v>
      </c>
      <c r="C594" s="164" t="s">
        <v>1057</v>
      </c>
      <c r="D594" s="164" t="s">
        <v>1057</v>
      </c>
      <c r="E594" s="145"/>
      <c r="F594" s="174" t="str">
        <f t="shared" si="26"/>
        <v/>
      </c>
      <c r="G594" s="174" t="str">
        <f t="shared" si="27"/>
        <v/>
      </c>
    </row>
    <row r="595" spans="1:7" x14ac:dyDescent="0.3">
      <c r="A595" s="156" t="s">
        <v>2787</v>
      </c>
      <c r="B595" s="151" t="s">
        <v>1263</v>
      </c>
      <c r="C595" s="164" t="s">
        <v>1057</v>
      </c>
      <c r="D595" s="164" t="s">
        <v>1057</v>
      </c>
      <c r="E595" s="145"/>
      <c r="F595" s="174" t="str">
        <f t="shared" si="26"/>
        <v/>
      </c>
      <c r="G595" s="174" t="str">
        <f t="shared" si="27"/>
        <v/>
      </c>
    </row>
    <row r="596" spans="1:7" x14ac:dyDescent="0.3">
      <c r="A596" s="156" t="s">
        <v>2788</v>
      </c>
      <c r="B596" s="151" t="s">
        <v>1265</v>
      </c>
      <c r="C596" s="164" t="s">
        <v>1057</v>
      </c>
      <c r="D596" s="164" t="s">
        <v>1057</v>
      </c>
      <c r="E596" s="145"/>
      <c r="F596" s="174" t="str">
        <f t="shared" si="26"/>
        <v/>
      </c>
      <c r="G596" s="174" t="str">
        <f t="shared" si="27"/>
        <v/>
      </c>
    </row>
    <row r="597" spans="1:7" x14ac:dyDescent="0.3">
      <c r="A597" s="156" t="s">
        <v>2789</v>
      </c>
      <c r="B597" s="151" t="s">
        <v>1267</v>
      </c>
      <c r="C597" s="164" t="s">
        <v>1057</v>
      </c>
      <c r="D597" s="164" t="s">
        <v>1057</v>
      </c>
      <c r="E597" s="145"/>
      <c r="F597" s="174" t="str">
        <f t="shared" si="26"/>
        <v/>
      </c>
      <c r="G597" s="174" t="str">
        <f t="shared" si="27"/>
        <v/>
      </c>
    </row>
    <row r="598" spans="1:7" x14ac:dyDescent="0.3">
      <c r="A598" s="156" t="s">
        <v>2790</v>
      </c>
      <c r="B598" s="151" t="s">
        <v>1269</v>
      </c>
      <c r="C598" s="170" t="s">
        <v>1057</v>
      </c>
      <c r="D598" s="156" t="s">
        <v>1057</v>
      </c>
      <c r="E598" s="145"/>
      <c r="F598" s="174" t="str">
        <f t="shared" si="26"/>
        <v/>
      </c>
      <c r="G598" s="174" t="str">
        <f t="shared" si="27"/>
        <v/>
      </c>
    </row>
    <row r="599" spans="1:7" x14ac:dyDescent="0.3">
      <c r="A599" s="156" t="s">
        <v>2791</v>
      </c>
      <c r="B599" s="156" t="s">
        <v>1271</v>
      </c>
      <c r="C599" s="170" t="s">
        <v>1057</v>
      </c>
      <c r="D599" s="156" t="s">
        <v>1057</v>
      </c>
      <c r="F599" s="174" t="str">
        <f t="shared" si="26"/>
        <v/>
      </c>
      <c r="G599" s="174" t="str">
        <f t="shared" si="27"/>
        <v/>
      </c>
    </row>
    <row r="600" spans="1:7" x14ac:dyDescent="0.3">
      <c r="A600" s="156" t="s">
        <v>2792</v>
      </c>
      <c r="B600" s="156" t="s">
        <v>1273</v>
      </c>
      <c r="C600" s="170" t="s">
        <v>1057</v>
      </c>
      <c r="D600" s="156" t="s">
        <v>1057</v>
      </c>
      <c r="F600" s="174" t="str">
        <f t="shared" si="26"/>
        <v/>
      </c>
      <c r="G600" s="174" t="str">
        <f t="shared" si="27"/>
        <v/>
      </c>
    </row>
    <row r="601" spans="1:7" x14ac:dyDescent="0.3">
      <c r="A601" s="156" t="s">
        <v>2793</v>
      </c>
      <c r="B601" s="151" t="s">
        <v>1275</v>
      </c>
      <c r="C601" s="170" t="s">
        <v>1057</v>
      </c>
      <c r="D601" s="156" t="s">
        <v>1057</v>
      </c>
      <c r="E601" s="145"/>
      <c r="F601" s="174" t="str">
        <f t="shared" si="26"/>
        <v/>
      </c>
      <c r="G601" s="174" t="str">
        <f t="shared" si="27"/>
        <v/>
      </c>
    </row>
    <row r="602" spans="1:7" x14ac:dyDescent="0.3">
      <c r="A602" s="156" t="s">
        <v>2794</v>
      </c>
      <c r="B602" s="151" t="s">
        <v>1223</v>
      </c>
      <c r="C602" s="164" t="s">
        <v>1057</v>
      </c>
      <c r="D602" s="164" t="s">
        <v>1057</v>
      </c>
      <c r="E602" s="145"/>
      <c r="F602" s="174" t="str">
        <f t="shared" si="26"/>
        <v/>
      </c>
      <c r="G602" s="174" t="str">
        <f t="shared" si="27"/>
        <v/>
      </c>
    </row>
    <row r="603" spans="1:7" x14ac:dyDescent="0.3">
      <c r="A603" s="156" t="s">
        <v>2795</v>
      </c>
      <c r="B603" s="151" t="s">
        <v>366</v>
      </c>
      <c r="C603" s="170">
        <f>SUM(C590:C602)</f>
        <v>0</v>
      </c>
      <c r="D603" s="147">
        <f>SUM(D590:D602)</f>
        <v>0</v>
      </c>
      <c r="E603" s="145"/>
      <c r="F603" s="173">
        <f>SUM(F590:F602)</f>
        <v>0</v>
      </c>
      <c r="G603" s="173">
        <f>SUM(G590:G602)</f>
        <v>0</v>
      </c>
    </row>
    <row r="604" spans="1:7" x14ac:dyDescent="0.3">
      <c r="A604" s="156" t="s">
        <v>2796</v>
      </c>
    </row>
    <row r="605" spans="1:7" x14ac:dyDescent="0.3">
      <c r="A605" s="156" t="s">
        <v>2797</v>
      </c>
    </row>
    <row r="606" spans="1:7" x14ac:dyDescent="0.3">
      <c r="A606" s="156" t="s">
        <v>2798</v>
      </c>
    </row>
    <row r="607" spans="1:7" x14ac:dyDescent="0.3">
      <c r="A607" s="156" t="s">
        <v>2799</v>
      </c>
      <c r="B607" s="151"/>
      <c r="C607" s="170"/>
      <c r="D607" s="147"/>
      <c r="E607" s="145"/>
      <c r="F607" s="173"/>
      <c r="G607" s="173"/>
    </row>
    <row r="608" spans="1:7" x14ac:dyDescent="0.3">
      <c r="A608" s="156" t="s">
        <v>2800</v>
      </c>
      <c r="B608" s="151"/>
      <c r="C608" s="170"/>
      <c r="D608" s="147"/>
      <c r="E608" s="145"/>
      <c r="F608" s="173"/>
      <c r="G608" s="173"/>
    </row>
    <row r="609" spans="1:7" x14ac:dyDescent="0.3">
      <c r="A609" s="156" t="s">
        <v>2801</v>
      </c>
      <c r="B609" s="151"/>
      <c r="C609" s="170"/>
      <c r="D609" s="147"/>
      <c r="E609" s="145"/>
      <c r="F609" s="173"/>
      <c r="G609" s="173"/>
    </row>
    <row r="610" spans="1:7" x14ac:dyDescent="0.3">
      <c r="A610" s="156" t="s">
        <v>2802</v>
      </c>
      <c r="B610" s="151"/>
      <c r="C610" s="170"/>
      <c r="D610" s="147"/>
      <c r="E610" s="145"/>
      <c r="F610" s="173"/>
      <c r="G610" s="173"/>
    </row>
    <row r="611" spans="1:7" x14ac:dyDescent="0.3">
      <c r="A611" s="156" t="s">
        <v>2803</v>
      </c>
      <c r="B611" s="151"/>
      <c r="C611" s="170"/>
      <c r="D611" s="147"/>
      <c r="E611" s="145"/>
      <c r="F611" s="173"/>
      <c r="G611" s="173"/>
    </row>
    <row r="612" spans="1:7" x14ac:dyDescent="0.3">
      <c r="A612" s="156" t="s">
        <v>2804</v>
      </c>
    </row>
    <row r="613" spans="1:7" x14ac:dyDescent="0.3">
      <c r="A613" s="156" t="s">
        <v>2805</v>
      </c>
    </row>
    <row r="614" spans="1:7" x14ac:dyDescent="0.3">
      <c r="A614" s="103"/>
      <c r="B614" s="103" t="s">
        <v>2806</v>
      </c>
      <c r="C614" s="103" t="s">
        <v>325</v>
      </c>
      <c r="D614" s="103" t="s">
        <v>1485</v>
      </c>
      <c r="E614" s="103"/>
      <c r="F614" s="103" t="s">
        <v>859</v>
      </c>
      <c r="G614" s="103" t="s">
        <v>1486</v>
      </c>
    </row>
    <row r="615" spans="1:7" x14ac:dyDescent="0.3">
      <c r="A615" s="156" t="s">
        <v>2807</v>
      </c>
      <c r="B615" s="151" t="s">
        <v>2808</v>
      </c>
      <c r="C615" s="164" t="s">
        <v>1057</v>
      </c>
      <c r="D615" s="164" t="s">
        <v>1057</v>
      </c>
      <c r="E615" s="145"/>
      <c r="F615" s="174" t="str">
        <f>IF($C$619=0,"",IF(C615="[for completion]","",IF(C615="","",C615/$C$619)))</f>
        <v/>
      </c>
      <c r="G615" s="174" t="str">
        <f>IF($D$619=0,"",IF(D615="[for completion]","",IF(D615="","",D615/$D$619)))</f>
        <v/>
      </c>
    </row>
    <row r="616" spans="1:7" x14ac:dyDescent="0.3">
      <c r="A616" s="156" t="s">
        <v>2809</v>
      </c>
      <c r="B616" s="146" t="s">
        <v>1308</v>
      </c>
      <c r="C616" s="164" t="s">
        <v>1057</v>
      </c>
      <c r="D616" s="164" t="s">
        <v>1057</v>
      </c>
      <c r="E616" s="145"/>
      <c r="F616" s="145"/>
      <c r="G616" s="174" t="str">
        <f>IF($D$619=0,"",IF(D616="[for completion]","",IF(D616="","",D616/$D$619)))</f>
        <v/>
      </c>
    </row>
    <row r="617" spans="1:7" x14ac:dyDescent="0.3">
      <c r="A617" s="156" t="s">
        <v>2810</v>
      </c>
      <c r="B617" s="151" t="s">
        <v>735</v>
      </c>
      <c r="C617" s="164" t="s">
        <v>1057</v>
      </c>
      <c r="D617" s="164" t="s">
        <v>1057</v>
      </c>
      <c r="E617" s="145"/>
      <c r="F617" s="145"/>
      <c r="G617" s="174" t="str">
        <f>IF($D$619=0,"",IF(D617="[for completion]","",IF(D617="","",D617/$D$619)))</f>
        <v/>
      </c>
    </row>
    <row r="618" spans="1:7" x14ac:dyDescent="0.3">
      <c r="A618" s="156" t="s">
        <v>2811</v>
      </c>
      <c r="B618" s="156" t="s">
        <v>1223</v>
      </c>
      <c r="C618" s="164" t="s">
        <v>1057</v>
      </c>
      <c r="D618" s="164" t="s">
        <v>1057</v>
      </c>
      <c r="E618" s="145"/>
      <c r="F618" s="145"/>
      <c r="G618" s="174" t="str">
        <f>IF($D$619=0,"",IF(D618="[for completion]","",IF(D618="","",D618/$D$619)))</f>
        <v/>
      </c>
    </row>
    <row r="619" spans="1:7" x14ac:dyDescent="0.3">
      <c r="A619" s="156" t="s">
        <v>2812</v>
      </c>
      <c r="B619" s="151" t="s">
        <v>366</v>
      </c>
      <c r="C619" s="170">
        <f>SUM(C615:C618)</f>
        <v>0</v>
      </c>
      <c r="D619" s="147">
        <f>SUM(D615:D618)</f>
        <v>0</v>
      </c>
      <c r="E619" s="145"/>
      <c r="F619" s="173">
        <f>SUM(F615:F618)</f>
        <v>0</v>
      </c>
      <c r="G619" s="173">
        <f>SUM(G615:G618)</f>
        <v>0</v>
      </c>
    </row>
    <row r="620" spans="1:7" x14ac:dyDescent="0.3">
      <c r="A620" s="156"/>
    </row>
    <row r="621" spans="1:7" x14ac:dyDescent="0.3">
      <c r="A621" s="103"/>
      <c r="B621" s="103" t="s">
        <v>1564</v>
      </c>
      <c r="C621" s="103" t="s">
        <v>1314</v>
      </c>
      <c r="D621" s="103" t="s">
        <v>1565</v>
      </c>
      <c r="E621" s="103"/>
      <c r="F621" s="103" t="s">
        <v>1316</v>
      </c>
      <c r="G621" s="103"/>
    </row>
    <row r="622" spans="1:7" x14ac:dyDescent="0.3">
      <c r="A622" s="156" t="s">
        <v>2813</v>
      </c>
      <c r="B622" s="151" t="s">
        <v>1445</v>
      </c>
      <c r="C622" s="193" t="s">
        <v>1057</v>
      </c>
      <c r="D622" s="164" t="s">
        <v>1057</v>
      </c>
      <c r="E622" s="148"/>
      <c r="F622" s="164" t="s">
        <v>1057</v>
      </c>
      <c r="G622" s="174" t="str">
        <f t="shared" ref="G622:G637" si="28">IF($D$640=0,"",IF(D622="[for completion]","",IF(D622="","",D622/$D$640)))</f>
        <v/>
      </c>
    </row>
    <row r="623" spans="1:7" x14ac:dyDescent="0.3">
      <c r="A623" s="156" t="s">
        <v>2814</v>
      </c>
      <c r="B623" s="151" t="s">
        <v>1447</v>
      </c>
      <c r="C623" s="193" t="s">
        <v>1057</v>
      </c>
      <c r="D623" s="164" t="s">
        <v>1057</v>
      </c>
      <c r="E623" s="148"/>
      <c r="F623" s="164" t="s">
        <v>1057</v>
      </c>
      <c r="G623" s="174" t="str">
        <f t="shared" si="28"/>
        <v/>
      </c>
    </row>
    <row r="624" spans="1:7" x14ac:dyDescent="0.3">
      <c r="A624" s="156" t="s">
        <v>2815</v>
      </c>
      <c r="B624" s="151" t="s">
        <v>1449</v>
      </c>
      <c r="C624" s="193" t="s">
        <v>1057</v>
      </c>
      <c r="D624" s="164" t="s">
        <v>1057</v>
      </c>
      <c r="E624" s="148"/>
      <c r="F624" s="164" t="s">
        <v>1057</v>
      </c>
      <c r="G624" s="174" t="str">
        <f t="shared" si="28"/>
        <v/>
      </c>
    </row>
    <row r="625" spans="1:7" x14ac:dyDescent="0.3">
      <c r="A625" s="156" t="s">
        <v>2816</v>
      </c>
      <c r="B625" s="151" t="s">
        <v>1451</v>
      </c>
      <c r="C625" s="193" t="s">
        <v>1057</v>
      </c>
      <c r="D625" s="164" t="s">
        <v>1057</v>
      </c>
      <c r="E625" s="148"/>
      <c r="F625" s="164" t="s">
        <v>1057</v>
      </c>
      <c r="G625" s="174" t="str">
        <f t="shared" si="28"/>
        <v/>
      </c>
    </row>
    <row r="626" spans="1:7" x14ac:dyDescent="0.3">
      <c r="A626" s="156" t="s">
        <v>2817</v>
      </c>
      <c r="B626" s="151" t="s">
        <v>1453</v>
      </c>
      <c r="C626" s="193" t="s">
        <v>1057</v>
      </c>
      <c r="D626" s="164" t="s">
        <v>1057</v>
      </c>
      <c r="E626" s="148"/>
      <c r="F626" s="164" t="s">
        <v>1057</v>
      </c>
      <c r="G626" s="174" t="str">
        <f t="shared" si="28"/>
        <v/>
      </c>
    </row>
    <row r="627" spans="1:7" x14ac:dyDescent="0.3">
      <c r="A627" s="156" t="s">
        <v>2818</v>
      </c>
      <c r="B627" s="151" t="s">
        <v>1455</v>
      </c>
      <c r="C627" s="193" t="s">
        <v>1057</v>
      </c>
      <c r="D627" s="164" t="s">
        <v>1057</v>
      </c>
      <c r="E627" s="148"/>
      <c r="F627" s="164" t="s">
        <v>1057</v>
      </c>
      <c r="G627" s="174" t="str">
        <f t="shared" si="28"/>
        <v/>
      </c>
    </row>
    <row r="628" spans="1:7" x14ac:dyDescent="0.3">
      <c r="A628" s="156" t="s">
        <v>2819</v>
      </c>
      <c r="B628" s="151" t="s">
        <v>1457</v>
      </c>
      <c r="C628" s="193" t="s">
        <v>1057</v>
      </c>
      <c r="D628" s="164" t="s">
        <v>1057</v>
      </c>
      <c r="E628" s="148"/>
      <c r="F628" s="164" t="s">
        <v>1057</v>
      </c>
      <c r="G628" s="174" t="str">
        <f t="shared" si="28"/>
        <v/>
      </c>
    </row>
    <row r="629" spans="1:7" x14ac:dyDescent="0.3">
      <c r="A629" s="156" t="s">
        <v>2820</v>
      </c>
      <c r="B629" s="151" t="s">
        <v>1459</v>
      </c>
      <c r="C629" s="193" t="s">
        <v>1057</v>
      </c>
      <c r="D629" s="164" t="s">
        <v>1057</v>
      </c>
      <c r="E629" s="148"/>
      <c r="F629" s="164" t="s">
        <v>1057</v>
      </c>
      <c r="G629" s="174" t="str">
        <f t="shared" si="28"/>
        <v/>
      </c>
    </row>
    <row r="630" spans="1:7" x14ac:dyDescent="0.3">
      <c r="A630" s="156" t="s">
        <v>2821</v>
      </c>
      <c r="B630" s="151" t="s">
        <v>1461</v>
      </c>
      <c r="C630" s="193" t="s">
        <v>1057</v>
      </c>
      <c r="D630" s="164" t="s">
        <v>1057</v>
      </c>
      <c r="E630" s="148"/>
      <c r="F630" s="164" t="s">
        <v>1057</v>
      </c>
      <c r="G630" s="174" t="str">
        <f t="shared" si="28"/>
        <v/>
      </c>
    </row>
    <row r="631" spans="1:7" x14ac:dyDescent="0.3">
      <c r="A631" s="156" t="s">
        <v>2822</v>
      </c>
      <c r="B631" s="151" t="s">
        <v>1463</v>
      </c>
      <c r="C631" s="193" t="s">
        <v>1057</v>
      </c>
      <c r="D631" s="164" t="s">
        <v>1057</v>
      </c>
      <c r="E631" s="148"/>
      <c r="F631" s="164" t="s">
        <v>1057</v>
      </c>
      <c r="G631" s="174" t="str">
        <f t="shared" si="28"/>
        <v/>
      </c>
    </row>
    <row r="632" spans="1:7" x14ac:dyDescent="0.3">
      <c r="A632" s="156" t="s">
        <v>2823</v>
      </c>
      <c r="B632" s="151" t="s">
        <v>1465</v>
      </c>
      <c r="C632" s="193" t="s">
        <v>1057</v>
      </c>
      <c r="D632" s="164" t="s">
        <v>1057</v>
      </c>
      <c r="E632" s="148"/>
      <c r="F632" s="164" t="s">
        <v>1057</v>
      </c>
      <c r="G632" s="174" t="str">
        <f t="shared" si="28"/>
        <v/>
      </c>
    </row>
    <row r="633" spans="1:7" x14ac:dyDescent="0.3">
      <c r="A633" s="156" t="s">
        <v>2824</v>
      </c>
      <c r="B633" s="151" t="s">
        <v>1467</v>
      </c>
      <c r="C633" s="193" t="s">
        <v>1057</v>
      </c>
      <c r="D633" s="164" t="s">
        <v>1057</v>
      </c>
      <c r="E633" s="148"/>
      <c r="F633" s="164" t="s">
        <v>1057</v>
      </c>
      <c r="G633" s="174" t="str">
        <f t="shared" si="28"/>
        <v/>
      </c>
    </row>
    <row r="634" spans="1:7" x14ac:dyDescent="0.3">
      <c r="A634" s="156" t="s">
        <v>2825</v>
      </c>
      <c r="B634" s="151" t="s">
        <v>364</v>
      </c>
      <c r="C634" s="193" t="s">
        <v>1057</v>
      </c>
      <c r="D634" s="164" t="s">
        <v>1057</v>
      </c>
      <c r="E634" s="148"/>
      <c r="F634" s="164" t="s">
        <v>1057</v>
      </c>
      <c r="G634" s="174" t="str">
        <f t="shared" si="28"/>
        <v/>
      </c>
    </row>
    <row r="635" spans="1:7" x14ac:dyDescent="0.3">
      <c r="A635" s="156" t="s">
        <v>2826</v>
      </c>
      <c r="B635" s="151" t="s">
        <v>1223</v>
      </c>
      <c r="C635" s="193" t="s">
        <v>1057</v>
      </c>
      <c r="D635" s="164" t="s">
        <v>1057</v>
      </c>
      <c r="E635" s="148"/>
      <c r="F635" s="164" t="s">
        <v>1057</v>
      </c>
      <c r="G635" s="174" t="str">
        <f t="shared" si="28"/>
        <v/>
      </c>
    </row>
    <row r="636" spans="1:7" x14ac:dyDescent="0.3">
      <c r="A636" s="156" t="s">
        <v>2827</v>
      </c>
      <c r="B636" s="151" t="s">
        <v>366</v>
      </c>
      <c r="C636" s="170">
        <f>SUM(C622:C635)</f>
        <v>0</v>
      </c>
      <c r="D636" s="156">
        <f>SUM(D622:D635)</f>
        <v>0</v>
      </c>
      <c r="E636" s="128"/>
      <c r="F636" s="170"/>
      <c r="G636" s="174" t="str">
        <f t="shared" si="28"/>
        <v/>
      </c>
    </row>
    <row r="637" spans="1:7" x14ac:dyDescent="0.3">
      <c r="A637" s="156" t="s">
        <v>2828</v>
      </c>
      <c r="B637" s="156" t="s">
        <v>1327</v>
      </c>
      <c r="F637" s="164" t="s">
        <v>1057</v>
      </c>
      <c r="G637" s="174" t="str">
        <f t="shared" si="28"/>
        <v/>
      </c>
    </row>
    <row r="638" spans="1:7" x14ac:dyDescent="0.3">
      <c r="A638" s="156" t="s">
        <v>2829</v>
      </c>
      <c r="B638" s="136"/>
      <c r="C638" s="156"/>
      <c r="D638" s="156"/>
      <c r="E638" s="128"/>
      <c r="F638" s="174"/>
      <c r="G638" s="174"/>
    </row>
    <row r="639" spans="1:7" x14ac:dyDescent="0.3">
      <c r="A639" s="156" t="s">
        <v>2830</v>
      </c>
      <c r="B639" s="151"/>
      <c r="C639" s="156"/>
      <c r="D639" s="156"/>
      <c r="E639" s="128"/>
      <c r="F639" s="174"/>
      <c r="G639" s="174"/>
    </row>
    <row r="640" spans="1:7" x14ac:dyDescent="0.3">
      <c r="A640" s="156" t="s">
        <v>2831</v>
      </c>
      <c r="B640" s="151"/>
      <c r="C640" s="156"/>
      <c r="D640" s="156"/>
      <c r="E640" s="128"/>
      <c r="F640" s="199"/>
      <c r="G640" s="199"/>
    </row>
  </sheetData>
  <mergeCells count="8">
    <mergeCell ref="A1:B1"/>
    <mergeCell ref="B25:C25"/>
    <mergeCell ref="B6:C6"/>
    <mergeCell ref="B7:C7"/>
    <mergeCell ref="B8:C8"/>
    <mergeCell ref="B9:C9"/>
    <mergeCell ref="B10:C10"/>
    <mergeCell ref="B14:C14"/>
  </mergeCells>
  <hyperlinks>
    <hyperlink ref="B7" r:id="rId1" location="'F1. Optional Sustainable M data'!B14" xr:uid="{00000000-0004-0000-0B00-000000000000}"/>
    <hyperlink ref="B8" r:id="rId2" location="'F1. Optional Sustainable M data'!B29" xr:uid="{00000000-0004-0000-0B00-000001000000}"/>
    <hyperlink ref="B9" r:id="rId3" location="'F1. Optional Sustainable M data'!B214" xr:uid="{00000000-0004-0000-0B00-000002000000}"/>
    <hyperlink ref="B10" r:id="rId4" location="'F1. Optional Sustainable M data'!B436" xr:uid="{00000000-0004-0000-0B00-000003000000}"/>
    <hyperlink ref="B171" location="'2. Harmonised Glossary'!A9" display="Breakdown by Interest Rate" xr:uid="{00000000-0004-0000-0B00-000004000000}"/>
    <hyperlink ref="B201" location="'2. Harmonised Glossary'!A14" display="Non-Performing Loans (NPLs)" xr:uid="{00000000-0004-0000-0B00-000005000000}"/>
    <hyperlink ref="B240" location="'2. Harmonised Glossary'!A288" display="Loan to Value (LTV) Information - Un-indexed" xr:uid="{00000000-0004-0000-0B00-000006000000}"/>
    <hyperlink ref="B262" location="'2. Harmonised Glossary'!A11" display="Loan to Value (LTV) Information - Indexed" xr:uid="{00000000-0004-0000-0B00-000007000000}"/>
    <hyperlink ref="B496" location="'2. Harmonised Glossary'!A11" display="Loan to Value (LTV) Information - Indexed" xr:uid="{00000000-0004-0000-0B00-000008000000}"/>
  </hyperlinks>
  <pageMargins left="0.7" right="0.7" top="0.75" bottom="0.75" header="0.3" footer="0.3"/>
  <pageSetup paperSize="9" orientation="portrai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008B"/>
  </sheetPr>
  <dimension ref="A1:I515"/>
  <sheetViews>
    <sheetView zoomScale="80" zoomScaleNormal="80" workbookViewId="0">
      <selection activeCell="A2" sqref="A2"/>
    </sheetView>
  </sheetViews>
  <sheetFormatPr defaultColWidth="9.109375" defaultRowHeight="14.4" x14ac:dyDescent="0.3"/>
  <cols>
    <col min="1" max="1" width="13.33203125" style="159" customWidth="1"/>
    <col min="2" max="2" width="59" style="159" customWidth="1"/>
    <col min="3" max="7" width="36.6640625" style="159" customWidth="1"/>
    <col min="8" max="8" width="9.109375" style="159" customWidth="1"/>
    <col min="9" max="16384" width="9.109375" style="159"/>
  </cols>
  <sheetData>
    <row r="1" spans="1:9" ht="45" customHeight="1" x14ac:dyDescent="0.3">
      <c r="A1" s="304" t="s">
        <v>2068</v>
      </c>
      <c r="B1" s="282"/>
    </row>
    <row r="2" spans="1:9" ht="31.5" customHeight="1" x14ac:dyDescent="0.3">
      <c r="A2" s="93" t="s">
        <v>2832</v>
      </c>
      <c r="B2" s="93"/>
      <c r="C2" s="128"/>
      <c r="D2" s="128"/>
      <c r="E2" s="128"/>
      <c r="F2" s="158" t="s">
        <v>272</v>
      </c>
      <c r="G2" s="94"/>
    </row>
    <row r="3" spans="1:9" x14ac:dyDescent="0.3">
      <c r="A3" s="128"/>
      <c r="B3" s="128"/>
      <c r="C3" s="128"/>
      <c r="D3" s="128"/>
      <c r="E3" s="128"/>
      <c r="F3" s="128"/>
      <c r="G3" s="128"/>
    </row>
    <row r="4" spans="1:9" ht="15.75" customHeight="1" thickBot="1" x14ac:dyDescent="0.35">
      <c r="A4" s="128"/>
      <c r="B4" s="128"/>
      <c r="C4" s="95"/>
      <c r="D4" s="128"/>
      <c r="E4" s="128"/>
      <c r="F4" s="128"/>
      <c r="G4" s="128"/>
    </row>
    <row r="5" spans="1:9" ht="60.75" customHeight="1" thickBot="1" x14ac:dyDescent="0.35">
      <c r="A5" s="96"/>
      <c r="B5" s="97" t="s">
        <v>273</v>
      </c>
      <c r="C5" s="98" t="s">
        <v>2070</v>
      </c>
      <c r="D5" s="96"/>
      <c r="E5" s="317" t="s">
        <v>2833</v>
      </c>
      <c r="F5" s="318"/>
      <c r="G5" s="99" t="s">
        <v>2834</v>
      </c>
      <c r="H5" s="91"/>
    </row>
    <row r="6" spans="1:9" ht="28.8" x14ac:dyDescent="0.3">
      <c r="A6" s="156"/>
      <c r="B6" s="156"/>
      <c r="C6" s="156"/>
      <c r="D6" s="156"/>
      <c r="E6" t="s">
        <v>2835</v>
      </c>
      <c r="F6" s="100" t="s">
        <v>2835</v>
      </c>
      <c r="G6" s="100"/>
    </row>
    <row r="7" spans="1:9" ht="18.75" customHeight="1" x14ac:dyDescent="0.3">
      <c r="A7" s="101"/>
      <c r="B7" s="307" t="s">
        <v>2836</v>
      </c>
      <c r="C7" s="308"/>
      <c r="D7" s="119"/>
      <c r="E7" s="307" t="s">
        <v>2837</v>
      </c>
      <c r="F7" s="282"/>
      <c r="G7" s="282"/>
      <c r="H7" s="308"/>
    </row>
    <row r="8" spans="1:9" ht="18.75" customHeight="1" x14ac:dyDescent="0.3">
      <c r="A8" s="156"/>
      <c r="B8" s="309" t="s">
        <v>2838</v>
      </c>
      <c r="C8" s="319"/>
      <c r="D8" s="119"/>
      <c r="E8" s="320" t="s">
        <v>1057</v>
      </c>
      <c r="F8" s="321"/>
      <c r="G8" s="321"/>
      <c r="H8" s="319"/>
    </row>
    <row r="9" spans="1:9" ht="18.75" customHeight="1" x14ac:dyDescent="0.3">
      <c r="A9" s="156"/>
      <c r="B9" s="309" t="s">
        <v>2839</v>
      </c>
      <c r="C9" s="319"/>
      <c r="D9" s="102"/>
      <c r="E9" s="322"/>
      <c r="F9" s="321"/>
      <c r="G9" s="321"/>
      <c r="H9" s="319"/>
      <c r="I9" s="91"/>
    </row>
    <row r="10" spans="1:9" x14ac:dyDescent="0.3">
      <c r="A10" s="122"/>
      <c r="B10" s="323"/>
      <c r="C10" s="282"/>
      <c r="D10" s="119"/>
      <c r="E10" s="322"/>
      <c r="F10" s="321"/>
      <c r="G10" s="321"/>
      <c r="H10" s="319"/>
      <c r="I10" s="91"/>
    </row>
    <row r="11" spans="1:9" ht="15.75" customHeight="1" thickBot="1" x14ac:dyDescent="0.35">
      <c r="A11" s="122"/>
      <c r="B11" s="324"/>
      <c r="C11" s="310"/>
      <c r="D11" s="102"/>
      <c r="E11" s="322"/>
      <c r="F11" s="321"/>
      <c r="G11" s="321"/>
      <c r="H11" s="319"/>
      <c r="I11" s="91"/>
    </row>
    <row r="12" spans="1:9" x14ac:dyDescent="0.3">
      <c r="A12" s="156"/>
      <c r="B12" s="162"/>
      <c r="C12" s="156"/>
      <c r="D12" s="156"/>
      <c r="E12" s="322"/>
      <c r="F12" s="321"/>
      <c r="G12" s="321"/>
      <c r="H12" s="319"/>
      <c r="I12" s="91"/>
    </row>
    <row r="13" spans="1:9" ht="15.75" customHeight="1" thickBot="1" x14ac:dyDescent="0.35">
      <c r="A13" s="156"/>
      <c r="B13" s="162"/>
      <c r="C13" s="156"/>
      <c r="D13" s="156"/>
      <c r="E13" s="311" t="s">
        <v>2840</v>
      </c>
      <c r="F13" s="312"/>
      <c r="G13" s="313" t="s">
        <v>2841</v>
      </c>
      <c r="H13" s="314"/>
      <c r="I13" s="91"/>
    </row>
    <row r="14" spans="1:9" x14ac:dyDescent="0.3">
      <c r="A14" s="156"/>
      <c r="B14" s="162"/>
      <c r="C14" s="156"/>
      <c r="D14" s="156"/>
      <c r="E14" s="120"/>
      <c r="F14" s="120"/>
      <c r="G14" s="156"/>
      <c r="H14" s="92"/>
    </row>
    <row r="15" spans="1:9" ht="18.75" customHeight="1" x14ac:dyDescent="0.3">
      <c r="A15" s="163"/>
      <c r="B15" s="315" t="s">
        <v>2842</v>
      </c>
      <c r="C15" s="282"/>
      <c r="D15" s="282"/>
      <c r="E15" s="163"/>
      <c r="F15" s="163"/>
      <c r="G15" s="163"/>
      <c r="H15" s="163"/>
    </row>
    <row r="16" spans="1:9" x14ac:dyDescent="0.3">
      <c r="A16" s="103"/>
      <c r="B16" s="103" t="s">
        <v>2843</v>
      </c>
      <c r="C16" s="103" t="s">
        <v>325</v>
      </c>
      <c r="D16" s="103" t="s">
        <v>2214</v>
      </c>
      <c r="E16" s="103"/>
      <c r="F16" s="103" t="s">
        <v>2844</v>
      </c>
      <c r="G16" s="103" t="s">
        <v>2845</v>
      </c>
      <c r="H16" s="103"/>
    </row>
    <row r="17" spans="1:8" x14ac:dyDescent="0.3">
      <c r="A17" s="156" t="s">
        <v>2846</v>
      </c>
      <c r="B17" s="151" t="s">
        <v>2847</v>
      </c>
      <c r="C17" s="164" t="s">
        <v>1057</v>
      </c>
      <c r="D17" s="164" t="s">
        <v>1057</v>
      </c>
      <c r="F17" s="174" t="str">
        <f>IF(OR('B1. HTT Mortgage Assets'!$C$15=0,C17="[For completion]"),"",C17/'B1. HTT Mortgage Assets'!$C$15)</f>
        <v/>
      </c>
      <c r="G17" s="174" t="str">
        <f>IF(OR('B1. HTT Mortgage Assets'!$F$28=0,D17="[For completion]"),"",D17/'B1. HTT Mortgage Assets'!$F$28)</f>
        <v/>
      </c>
    </row>
    <row r="18" spans="1:8" x14ac:dyDescent="0.3">
      <c r="A18" s="151" t="s">
        <v>2848</v>
      </c>
      <c r="B18" s="104"/>
      <c r="C18" s="151"/>
      <c r="D18" s="151"/>
      <c r="F18" s="151"/>
      <c r="G18" s="151"/>
    </row>
    <row r="19" spans="1:8" x14ac:dyDescent="0.3">
      <c r="A19" s="151" t="s">
        <v>2849</v>
      </c>
      <c r="B19" s="151"/>
      <c r="C19" s="151"/>
      <c r="D19" s="151"/>
      <c r="F19" s="151"/>
      <c r="G19" s="151"/>
    </row>
    <row r="20" spans="1:8" ht="18.75" customHeight="1" x14ac:dyDescent="0.3">
      <c r="A20" s="163"/>
      <c r="B20" s="316" t="s">
        <v>2839</v>
      </c>
      <c r="C20" s="282"/>
      <c r="D20" s="282"/>
      <c r="E20" s="163"/>
      <c r="F20" s="163"/>
      <c r="G20" s="163"/>
      <c r="H20" s="163"/>
    </row>
    <row r="21" spans="1:8" x14ac:dyDescent="0.3">
      <c r="A21" s="103"/>
      <c r="B21" s="186" t="s">
        <v>2850</v>
      </c>
      <c r="C21" s="186" t="s">
        <v>2851</v>
      </c>
      <c r="D21" s="186" t="s">
        <v>2852</v>
      </c>
      <c r="E21" s="186" t="s">
        <v>2853</v>
      </c>
      <c r="F21" s="186" t="s">
        <v>2854</v>
      </c>
      <c r="G21" s="186" t="s">
        <v>2855</v>
      </c>
      <c r="H21" s="186" t="s">
        <v>2856</v>
      </c>
    </row>
    <row r="22" spans="1:8" ht="15" customHeight="1" x14ac:dyDescent="0.3">
      <c r="A22" s="129"/>
      <c r="B22" s="200" t="s">
        <v>2857</v>
      </c>
      <c r="C22" s="105"/>
      <c r="D22" s="129"/>
      <c r="E22" s="129"/>
      <c r="F22" s="129"/>
      <c r="G22" s="129"/>
      <c r="H22" s="129"/>
    </row>
    <row r="23" spans="1:8" x14ac:dyDescent="0.3">
      <c r="A23" s="156" t="s">
        <v>2858</v>
      </c>
      <c r="B23" s="166" t="s">
        <v>2859</v>
      </c>
      <c r="C23" s="171" t="s">
        <v>1057</v>
      </c>
      <c r="D23" s="171" t="s">
        <v>1057</v>
      </c>
      <c r="E23" s="171" t="s">
        <v>1057</v>
      </c>
      <c r="F23" s="171" t="s">
        <v>1057</v>
      </c>
      <c r="G23" s="171" t="s">
        <v>1057</v>
      </c>
      <c r="H23" s="171">
        <f>SUM(C23:G23)</f>
        <v>0</v>
      </c>
    </row>
    <row r="24" spans="1:8" x14ac:dyDescent="0.3">
      <c r="A24" s="156" t="s">
        <v>2860</v>
      </c>
      <c r="B24" s="166" t="s">
        <v>2861</v>
      </c>
      <c r="C24" s="171" t="s">
        <v>1057</v>
      </c>
      <c r="D24" s="171" t="s">
        <v>1057</v>
      </c>
      <c r="E24" s="171" t="s">
        <v>1057</v>
      </c>
      <c r="F24" s="171" t="s">
        <v>1057</v>
      </c>
      <c r="G24" s="171" t="s">
        <v>1057</v>
      </c>
      <c r="H24" s="171">
        <f>SUM(C24:G24)</f>
        <v>0</v>
      </c>
    </row>
    <row r="25" spans="1:8" x14ac:dyDescent="0.3">
      <c r="A25" s="156" t="s">
        <v>2862</v>
      </c>
      <c r="B25" s="166" t="s">
        <v>364</v>
      </c>
      <c r="C25" s="171" t="s">
        <v>1057</v>
      </c>
      <c r="D25" s="171" t="s">
        <v>1057</v>
      </c>
      <c r="E25" s="171" t="s">
        <v>1057</v>
      </c>
      <c r="F25" s="171" t="s">
        <v>1057</v>
      </c>
      <c r="G25" s="171" t="s">
        <v>1057</v>
      </c>
      <c r="H25" s="171">
        <f>SUM(C25:G25)</f>
        <v>0</v>
      </c>
    </row>
    <row r="26" spans="1:8" x14ac:dyDescent="0.3">
      <c r="A26" s="156" t="s">
        <v>2863</v>
      </c>
      <c r="B26" s="166" t="s">
        <v>2864</v>
      </c>
      <c r="C26" s="188">
        <f>SUM(C23:C25)+SUM(C27:C32)</f>
        <v>0</v>
      </c>
      <c r="D26" s="188">
        <f>SUM(D23:D25)+SUM(D27:D32)</f>
        <v>0</v>
      </c>
      <c r="E26" s="188">
        <f>SUM(E23:E25)+SUM(E27:E32)</f>
        <v>0</v>
      </c>
      <c r="F26" s="188">
        <f>SUM(F23:F25)+SUM(F27:F32)</f>
        <v>0</v>
      </c>
      <c r="G26" s="188">
        <f>SUM(G23:G25)+SUM(G27:G32)</f>
        <v>0</v>
      </c>
      <c r="H26" s="171">
        <f>SUM(H23:H25)</f>
        <v>0</v>
      </c>
    </row>
    <row r="27" spans="1:8" x14ac:dyDescent="0.3">
      <c r="A27" s="156" t="s">
        <v>2865</v>
      </c>
      <c r="B27" s="201" t="s">
        <v>2866</v>
      </c>
      <c r="C27" s="171"/>
      <c r="D27" s="171"/>
      <c r="E27" s="171"/>
      <c r="F27" s="171"/>
      <c r="G27" s="171"/>
      <c r="H27" s="171">
        <f>IF(SUM(C27:G27)="", "",SUM(C27:G27))</f>
        <v>0</v>
      </c>
    </row>
    <row r="28" spans="1:8" x14ac:dyDescent="0.3">
      <c r="A28" s="156" t="s">
        <v>2867</v>
      </c>
      <c r="B28" s="201" t="s">
        <v>2866</v>
      </c>
      <c r="C28" s="171"/>
      <c r="D28" s="171"/>
      <c r="E28" s="171"/>
      <c r="F28" s="171"/>
      <c r="G28" s="171"/>
      <c r="H28" s="171">
        <f>IF(SUM(C28:G28)="", "",SUM(C28:G28))</f>
        <v>0</v>
      </c>
    </row>
    <row r="29" spans="1:8" x14ac:dyDescent="0.3">
      <c r="A29" s="156" t="s">
        <v>2868</v>
      </c>
      <c r="B29" s="201" t="s">
        <v>2866</v>
      </c>
      <c r="C29" s="171"/>
      <c r="D29" s="171"/>
      <c r="E29" s="171"/>
      <c r="F29" s="171"/>
      <c r="G29" s="171"/>
      <c r="H29" s="171">
        <f>IF(SUM(C29:G29)="", "",SUM(C29:G29))</f>
        <v>0</v>
      </c>
    </row>
    <row r="30" spans="1:8" x14ac:dyDescent="0.3">
      <c r="A30" s="156" t="s">
        <v>2869</v>
      </c>
      <c r="B30" s="201" t="s">
        <v>2866</v>
      </c>
      <c r="C30" s="171"/>
      <c r="D30" s="171"/>
      <c r="E30" s="171"/>
      <c r="F30" s="171"/>
      <c r="G30" s="171"/>
      <c r="H30" s="171">
        <f>IF(SUM(C30:G30)="", "",SUM(C30:G30))</f>
        <v>0</v>
      </c>
    </row>
    <row r="31" spans="1:8" x14ac:dyDescent="0.3">
      <c r="A31" s="156" t="s">
        <v>2870</v>
      </c>
      <c r="B31" s="201" t="s">
        <v>2866</v>
      </c>
      <c r="C31" s="171"/>
      <c r="D31" s="171"/>
      <c r="E31" s="171"/>
      <c r="F31" s="171"/>
      <c r="G31" s="171"/>
      <c r="H31" s="171"/>
    </row>
    <row r="32" spans="1:8" x14ac:dyDescent="0.3">
      <c r="A32" s="156" t="s">
        <v>2871</v>
      </c>
      <c r="B32" s="201" t="s">
        <v>2866</v>
      </c>
      <c r="C32" s="171"/>
      <c r="D32" s="171"/>
      <c r="E32" s="171"/>
      <c r="F32" s="171"/>
      <c r="G32" s="171"/>
      <c r="H32" s="171"/>
    </row>
    <row r="33" spans="1:7" x14ac:dyDescent="0.3">
      <c r="A33" s="156"/>
      <c r="B33" s="106"/>
      <c r="C33" s="170"/>
      <c r="D33" s="156"/>
      <c r="E33" s="156"/>
      <c r="F33" s="174"/>
      <c r="G33" s="145"/>
    </row>
    <row r="34" spans="1:7" x14ac:dyDescent="0.3">
      <c r="A34" s="156"/>
      <c r="B34" s="106"/>
      <c r="C34" s="170"/>
      <c r="D34" s="156"/>
      <c r="E34" s="156"/>
      <c r="F34" s="174"/>
      <c r="G34" s="145"/>
    </row>
    <row r="35" spans="1:7" x14ac:dyDescent="0.3">
      <c r="A35" s="156"/>
      <c r="B35" s="106"/>
      <c r="C35" s="170"/>
      <c r="D35" s="156"/>
      <c r="F35" s="174"/>
      <c r="G35" s="145"/>
    </row>
    <row r="36" spans="1:7" x14ac:dyDescent="0.3">
      <c r="A36" s="156"/>
      <c r="B36" s="156"/>
      <c r="C36" s="173"/>
      <c r="D36" s="173"/>
      <c r="E36" s="173"/>
      <c r="F36" s="173"/>
      <c r="G36" s="151"/>
    </row>
    <row r="37" spans="1:7" x14ac:dyDescent="0.3">
      <c r="A37" s="156"/>
      <c r="B37" s="156"/>
      <c r="C37" s="173"/>
      <c r="D37" s="173"/>
      <c r="E37" s="173"/>
      <c r="F37" s="173"/>
      <c r="G37" s="151"/>
    </row>
    <row r="38" spans="1:7" x14ac:dyDescent="0.3">
      <c r="A38" s="156"/>
      <c r="B38" s="156"/>
      <c r="C38" s="173"/>
      <c r="D38" s="173"/>
      <c r="E38" s="173"/>
      <c r="F38" s="173"/>
      <c r="G38" s="151"/>
    </row>
    <row r="39" spans="1:7" x14ac:dyDescent="0.3">
      <c r="A39" s="156"/>
      <c r="B39" s="156"/>
      <c r="C39" s="173"/>
      <c r="D39" s="173"/>
      <c r="E39" s="173"/>
      <c r="F39" s="173"/>
      <c r="G39" s="151"/>
    </row>
    <row r="40" spans="1:7" x14ac:dyDescent="0.3">
      <c r="A40" s="156"/>
      <c r="B40" s="156"/>
      <c r="C40" s="173"/>
      <c r="D40" s="173"/>
      <c r="E40" s="173"/>
      <c r="F40" s="173"/>
      <c r="G40" s="151"/>
    </row>
    <row r="41" spans="1:7" x14ac:dyDescent="0.3">
      <c r="A41" s="156"/>
      <c r="B41" s="156"/>
      <c r="C41" s="173"/>
      <c r="D41" s="173"/>
      <c r="E41" s="173"/>
      <c r="F41" s="173"/>
      <c r="G41" s="151"/>
    </row>
    <row r="42" spans="1:7" x14ac:dyDescent="0.3">
      <c r="A42" s="156"/>
      <c r="B42" s="156"/>
      <c r="C42" s="173"/>
      <c r="D42" s="173"/>
      <c r="E42" s="173"/>
      <c r="F42" s="173"/>
      <c r="G42" s="151"/>
    </row>
    <row r="43" spans="1:7" x14ac:dyDescent="0.3">
      <c r="A43" s="156"/>
      <c r="B43" s="156"/>
      <c r="C43" s="173"/>
      <c r="D43" s="173"/>
      <c r="E43" s="173"/>
      <c r="F43" s="173"/>
      <c r="G43" s="151"/>
    </row>
    <row r="44" spans="1:7" x14ac:dyDescent="0.3">
      <c r="A44" s="156"/>
      <c r="B44" s="156"/>
      <c r="C44" s="173"/>
      <c r="D44" s="173"/>
      <c r="E44" s="173"/>
      <c r="F44" s="173"/>
      <c r="G44" s="151"/>
    </row>
    <row r="45" spans="1:7" x14ac:dyDescent="0.3">
      <c r="A45" s="156"/>
      <c r="B45" s="156"/>
      <c r="C45" s="173"/>
      <c r="D45" s="173"/>
      <c r="E45" s="173"/>
      <c r="F45" s="173"/>
      <c r="G45" s="151"/>
    </row>
    <row r="46" spans="1:7" x14ac:dyDescent="0.3">
      <c r="A46" s="156"/>
      <c r="B46" s="156"/>
      <c r="C46" s="173"/>
      <c r="D46" s="173"/>
      <c r="E46" s="173"/>
      <c r="F46" s="173"/>
      <c r="G46" s="151"/>
    </row>
    <row r="47" spans="1:7" x14ac:dyDescent="0.3">
      <c r="A47" s="156"/>
      <c r="B47" s="156"/>
      <c r="C47" s="173"/>
      <c r="D47" s="173"/>
      <c r="E47" s="173"/>
      <c r="F47" s="173"/>
      <c r="G47" s="151"/>
    </row>
    <row r="48" spans="1:7" x14ac:dyDescent="0.3">
      <c r="A48" s="156"/>
      <c r="B48" s="156"/>
      <c r="C48" s="173"/>
      <c r="D48" s="173"/>
      <c r="E48" s="173"/>
      <c r="F48" s="173"/>
      <c r="G48" s="151"/>
    </row>
    <row r="49" spans="1:7" x14ac:dyDescent="0.3">
      <c r="A49" s="156"/>
      <c r="B49" s="156"/>
      <c r="C49" s="173"/>
      <c r="D49" s="173"/>
      <c r="E49" s="173"/>
      <c r="F49" s="173"/>
      <c r="G49" s="151"/>
    </row>
    <row r="50" spans="1:7" x14ac:dyDescent="0.3">
      <c r="A50" s="156"/>
      <c r="B50" s="156"/>
      <c r="C50" s="173"/>
      <c r="D50" s="173"/>
      <c r="E50" s="173"/>
      <c r="F50" s="173"/>
      <c r="G50" s="151"/>
    </row>
    <row r="51" spans="1:7" x14ac:dyDescent="0.3">
      <c r="A51" s="156"/>
      <c r="B51" s="156"/>
      <c r="C51" s="173"/>
      <c r="D51" s="173"/>
      <c r="E51" s="173"/>
      <c r="F51" s="173"/>
      <c r="G51" s="151"/>
    </row>
    <row r="52" spans="1:7" x14ac:dyDescent="0.3">
      <c r="A52" s="156"/>
      <c r="B52" s="156"/>
      <c r="C52" s="173"/>
      <c r="D52" s="173"/>
      <c r="E52" s="173"/>
      <c r="F52" s="173"/>
      <c r="G52" s="151"/>
    </row>
    <row r="53" spans="1:7" x14ac:dyDescent="0.3">
      <c r="A53" s="156"/>
      <c r="B53" s="156"/>
      <c r="C53" s="173"/>
      <c r="D53" s="173"/>
      <c r="E53" s="173"/>
      <c r="F53" s="173"/>
      <c r="G53" s="151"/>
    </row>
    <row r="54" spans="1:7" x14ac:dyDescent="0.3">
      <c r="A54" s="156"/>
      <c r="B54" s="156"/>
      <c r="C54" s="173"/>
      <c r="D54" s="173"/>
      <c r="E54" s="173"/>
      <c r="F54" s="173"/>
      <c r="G54" s="151"/>
    </row>
    <row r="55" spans="1:7" x14ac:dyDescent="0.3">
      <c r="A55" s="156"/>
      <c r="B55" s="156"/>
      <c r="C55" s="173"/>
      <c r="D55" s="173"/>
      <c r="E55" s="173"/>
      <c r="F55" s="173"/>
      <c r="G55" s="151"/>
    </row>
    <row r="56" spans="1:7" x14ac:dyDescent="0.3">
      <c r="A56" s="156"/>
      <c r="B56" s="156"/>
      <c r="C56" s="173"/>
      <c r="D56" s="173"/>
      <c r="E56" s="173"/>
      <c r="F56" s="173"/>
      <c r="G56" s="151"/>
    </row>
    <row r="57" spans="1:7" x14ac:dyDescent="0.3">
      <c r="A57" s="156"/>
      <c r="B57" s="156"/>
      <c r="C57" s="173"/>
      <c r="D57" s="173"/>
      <c r="E57" s="173"/>
      <c r="F57" s="173"/>
      <c r="G57" s="151"/>
    </row>
    <row r="58" spans="1:7" x14ac:dyDescent="0.3">
      <c r="A58" s="156"/>
      <c r="B58" s="156"/>
      <c r="C58" s="173"/>
      <c r="D58" s="173"/>
      <c r="E58" s="173"/>
      <c r="F58" s="173"/>
      <c r="G58" s="151"/>
    </row>
    <row r="59" spans="1:7" x14ac:dyDescent="0.3">
      <c r="A59" s="156"/>
      <c r="B59" s="156"/>
      <c r="C59" s="173"/>
      <c r="D59" s="173"/>
      <c r="E59" s="173"/>
      <c r="F59" s="173"/>
      <c r="G59" s="151"/>
    </row>
    <row r="60" spans="1:7" x14ac:dyDescent="0.3">
      <c r="A60" s="156"/>
      <c r="B60" s="156"/>
      <c r="C60" s="173"/>
      <c r="D60" s="173"/>
      <c r="E60" s="173"/>
      <c r="F60" s="173"/>
      <c r="G60" s="151"/>
    </row>
    <row r="61" spans="1:7" x14ac:dyDescent="0.3">
      <c r="A61" s="156"/>
      <c r="B61" s="156"/>
      <c r="C61" s="173"/>
      <c r="D61" s="173"/>
      <c r="E61" s="173"/>
      <c r="F61" s="173"/>
      <c r="G61" s="151"/>
    </row>
    <row r="62" spans="1:7" x14ac:dyDescent="0.3">
      <c r="A62" s="156"/>
      <c r="B62" s="156"/>
      <c r="C62" s="173"/>
      <c r="D62" s="173"/>
      <c r="E62" s="173"/>
      <c r="F62" s="173"/>
      <c r="G62" s="151"/>
    </row>
    <row r="63" spans="1:7" x14ac:dyDescent="0.3">
      <c r="A63" s="156"/>
      <c r="B63" s="107"/>
      <c r="C63" s="189"/>
      <c r="D63" s="189"/>
      <c r="E63" s="173"/>
      <c r="F63" s="189"/>
      <c r="G63" s="151"/>
    </row>
    <row r="64" spans="1:7" x14ac:dyDescent="0.3">
      <c r="A64" s="156"/>
      <c r="B64" s="156"/>
      <c r="C64" s="173"/>
      <c r="D64" s="173"/>
      <c r="E64" s="173"/>
      <c r="F64" s="173"/>
      <c r="G64" s="151"/>
    </row>
    <row r="65" spans="1:7" x14ac:dyDescent="0.3">
      <c r="A65" s="156"/>
      <c r="B65" s="156"/>
      <c r="C65" s="173"/>
      <c r="D65" s="173"/>
      <c r="E65" s="173"/>
      <c r="F65" s="173"/>
      <c r="G65" s="151"/>
    </row>
    <row r="66" spans="1:7" x14ac:dyDescent="0.3">
      <c r="A66" s="156"/>
      <c r="B66" s="156"/>
      <c r="C66" s="173"/>
      <c r="D66" s="173"/>
      <c r="E66" s="173"/>
      <c r="F66" s="173"/>
      <c r="G66" s="151"/>
    </row>
    <row r="67" spans="1:7" x14ac:dyDescent="0.3">
      <c r="A67" s="156"/>
      <c r="B67" s="107"/>
      <c r="C67" s="189"/>
      <c r="D67" s="189"/>
      <c r="E67" s="173"/>
      <c r="F67" s="189"/>
      <c r="G67" s="151"/>
    </row>
    <row r="68" spans="1:7" x14ac:dyDescent="0.3">
      <c r="A68" s="156"/>
      <c r="B68" s="151"/>
      <c r="C68" s="173"/>
      <c r="D68" s="173"/>
      <c r="E68" s="173"/>
      <c r="F68" s="173"/>
      <c r="G68" s="151"/>
    </row>
    <row r="69" spans="1:7" x14ac:dyDescent="0.3">
      <c r="A69" s="156"/>
      <c r="B69" s="156"/>
      <c r="C69" s="173"/>
      <c r="D69" s="173"/>
      <c r="E69" s="173"/>
      <c r="F69" s="173"/>
      <c r="G69" s="151"/>
    </row>
    <row r="70" spans="1:7" x14ac:dyDescent="0.3">
      <c r="A70" s="156"/>
      <c r="B70" s="151"/>
      <c r="C70" s="173"/>
      <c r="D70" s="173"/>
      <c r="E70" s="173"/>
      <c r="F70" s="173"/>
      <c r="G70" s="151"/>
    </row>
    <row r="71" spans="1:7" x14ac:dyDescent="0.3">
      <c r="A71" s="156"/>
      <c r="B71" s="151"/>
      <c r="C71" s="173"/>
      <c r="D71" s="173"/>
      <c r="E71" s="173"/>
      <c r="F71" s="173"/>
      <c r="G71" s="151"/>
    </row>
    <row r="72" spans="1:7" x14ac:dyDescent="0.3">
      <c r="A72" s="156"/>
      <c r="B72" s="151"/>
      <c r="C72" s="173"/>
      <c r="D72" s="173"/>
      <c r="E72" s="173"/>
      <c r="F72" s="173"/>
      <c r="G72" s="151"/>
    </row>
    <row r="73" spans="1:7" x14ac:dyDescent="0.3">
      <c r="A73" s="156"/>
      <c r="B73" s="151"/>
      <c r="C73" s="173"/>
      <c r="D73" s="173"/>
      <c r="E73" s="173"/>
      <c r="F73" s="173"/>
      <c r="G73" s="151"/>
    </row>
    <row r="74" spans="1:7" x14ac:dyDescent="0.3">
      <c r="A74" s="156"/>
      <c r="B74" s="151"/>
      <c r="C74" s="173"/>
      <c r="D74" s="173"/>
      <c r="E74" s="173"/>
      <c r="F74" s="173"/>
      <c r="G74" s="151"/>
    </row>
    <row r="75" spans="1:7" x14ac:dyDescent="0.3">
      <c r="A75" s="156"/>
      <c r="B75" s="151"/>
      <c r="C75" s="173"/>
      <c r="D75" s="173"/>
      <c r="E75" s="173"/>
      <c r="F75" s="173"/>
      <c r="G75" s="151"/>
    </row>
    <row r="76" spans="1:7" x14ac:dyDescent="0.3">
      <c r="A76" s="156"/>
      <c r="B76" s="151"/>
      <c r="C76" s="173"/>
      <c r="D76" s="173"/>
      <c r="E76" s="173"/>
      <c r="F76" s="173"/>
      <c r="G76" s="151"/>
    </row>
    <row r="77" spans="1:7" x14ac:dyDescent="0.3">
      <c r="A77" s="156"/>
      <c r="B77" s="151"/>
      <c r="C77" s="173"/>
      <c r="D77" s="173"/>
      <c r="E77" s="173"/>
      <c r="F77" s="173"/>
      <c r="G77" s="151"/>
    </row>
    <row r="78" spans="1:7" x14ac:dyDescent="0.3">
      <c r="A78" s="156"/>
      <c r="B78" s="151"/>
      <c r="C78" s="173"/>
      <c r="D78" s="173"/>
      <c r="E78" s="173"/>
      <c r="F78" s="173"/>
      <c r="G78" s="151"/>
    </row>
    <row r="79" spans="1:7" x14ac:dyDescent="0.3">
      <c r="A79" s="156"/>
      <c r="B79" s="106"/>
      <c r="C79" s="173"/>
      <c r="D79" s="173"/>
      <c r="E79" s="173"/>
      <c r="F79" s="173"/>
      <c r="G79" s="151"/>
    </row>
    <row r="80" spans="1:7" x14ac:dyDescent="0.3">
      <c r="A80" s="156"/>
      <c r="B80" s="106"/>
      <c r="C80" s="173"/>
      <c r="D80" s="173"/>
      <c r="E80" s="173"/>
      <c r="F80" s="173"/>
      <c r="G80" s="151"/>
    </row>
    <row r="81" spans="1:7" x14ac:dyDescent="0.3">
      <c r="A81" s="156"/>
      <c r="B81" s="106"/>
      <c r="C81" s="173"/>
      <c r="D81" s="173"/>
      <c r="E81" s="173"/>
      <c r="F81" s="173"/>
      <c r="G81" s="151"/>
    </row>
    <row r="82" spans="1:7" x14ac:dyDescent="0.3">
      <c r="A82" s="156"/>
      <c r="B82" s="106"/>
      <c r="C82" s="173"/>
      <c r="D82" s="173"/>
      <c r="E82" s="173"/>
      <c r="F82" s="173"/>
      <c r="G82" s="151"/>
    </row>
    <row r="83" spans="1:7" x14ac:dyDescent="0.3">
      <c r="A83" s="156"/>
      <c r="B83" s="106"/>
      <c r="C83" s="173"/>
      <c r="D83" s="173"/>
      <c r="E83" s="173"/>
      <c r="F83" s="173"/>
      <c r="G83" s="151"/>
    </row>
    <row r="84" spans="1:7" x14ac:dyDescent="0.3">
      <c r="A84" s="156"/>
      <c r="B84" s="106"/>
      <c r="C84" s="173"/>
      <c r="D84" s="173"/>
      <c r="E84" s="173"/>
      <c r="F84" s="173"/>
      <c r="G84" s="151"/>
    </row>
    <row r="85" spans="1:7" x14ac:dyDescent="0.3">
      <c r="A85" s="156"/>
      <c r="B85" s="106"/>
      <c r="C85" s="173"/>
      <c r="D85" s="173"/>
      <c r="E85" s="173"/>
      <c r="F85" s="173"/>
      <c r="G85" s="151"/>
    </row>
    <row r="86" spans="1:7" x14ac:dyDescent="0.3">
      <c r="A86" s="156"/>
      <c r="B86" s="106"/>
      <c r="C86" s="173"/>
      <c r="D86" s="173"/>
      <c r="E86" s="173"/>
      <c r="F86" s="173"/>
      <c r="G86" s="151"/>
    </row>
    <row r="87" spans="1:7" x14ac:dyDescent="0.3">
      <c r="A87" s="156"/>
      <c r="B87" s="106"/>
      <c r="C87" s="173"/>
      <c r="D87" s="173"/>
      <c r="E87" s="173"/>
      <c r="F87" s="173"/>
      <c r="G87" s="151"/>
    </row>
    <row r="88" spans="1:7" x14ac:dyDescent="0.3">
      <c r="A88" s="156"/>
      <c r="B88" s="106"/>
      <c r="C88" s="173"/>
      <c r="D88" s="173"/>
      <c r="E88" s="173"/>
      <c r="F88" s="173"/>
      <c r="G88" s="151"/>
    </row>
    <row r="89" spans="1:7" x14ac:dyDescent="0.3">
      <c r="A89" s="103"/>
      <c r="B89" s="103"/>
      <c r="C89" s="103"/>
      <c r="D89" s="103"/>
      <c r="E89" s="103"/>
      <c r="F89" s="103"/>
      <c r="G89" s="103"/>
    </row>
    <row r="90" spans="1:7" x14ac:dyDescent="0.3">
      <c r="A90" s="156"/>
      <c r="B90" s="151"/>
      <c r="C90" s="173"/>
      <c r="D90" s="173"/>
      <c r="E90" s="173"/>
      <c r="F90" s="173"/>
      <c r="G90" s="151"/>
    </row>
    <row r="91" spans="1:7" x14ac:dyDescent="0.3">
      <c r="A91" s="156"/>
      <c r="B91" s="151"/>
      <c r="C91" s="173"/>
      <c r="D91" s="173"/>
      <c r="E91" s="173"/>
      <c r="F91" s="173"/>
      <c r="G91" s="151"/>
    </row>
    <row r="92" spans="1:7" x14ac:dyDescent="0.3">
      <c r="A92" s="156"/>
      <c r="B92" s="151"/>
      <c r="C92" s="173"/>
      <c r="D92" s="173"/>
      <c r="E92" s="173"/>
      <c r="F92" s="173"/>
      <c r="G92" s="151"/>
    </row>
    <row r="93" spans="1:7" x14ac:dyDescent="0.3">
      <c r="A93" s="156"/>
      <c r="B93" s="151"/>
      <c r="C93" s="173"/>
      <c r="D93" s="173"/>
      <c r="E93" s="173"/>
      <c r="F93" s="173"/>
      <c r="G93" s="151"/>
    </row>
    <row r="94" spans="1:7" x14ac:dyDescent="0.3">
      <c r="A94" s="156"/>
      <c r="B94" s="151"/>
      <c r="C94" s="173"/>
      <c r="D94" s="173"/>
      <c r="E94" s="173"/>
      <c r="F94" s="173"/>
      <c r="G94" s="151"/>
    </row>
    <row r="95" spans="1:7" x14ac:dyDescent="0.3">
      <c r="A95" s="156"/>
      <c r="B95" s="151"/>
      <c r="C95" s="173"/>
      <c r="D95" s="173"/>
      <c r="E95" s="173"/>
      <c r="F95" s="173"/>
      <c r="G95" s="151"/>
    </row>
    <row r="96" spans="1:7" x14ac:dyDescent="0.3">
      <c r="A96" s="156"/>
      <c r="B96" s="151"/>
      <c r="C96" s="173"/>
      <c r="D96" s="173"/>
      <c r="E96" s="173"/>
      <c r="F96" s="173"/>
      <c r="G96" s="151"/>
    </row>
    <row r="97" spans="1:7" x14ac:dyDescent="0.3">
      <c r="A97" s="156"/>
      <c r="B97" s="151"/>
      <c r="C97" s="173"/>
      <c r="D97" s="173"/>
      <c r="E97" s="173"/>
      <c r="F97" s="173"/>
      <c r="G97" s="151"/>
    </row>
    <row r="98" spans="1:7" x14ac:dyDescent="0.3">
      <c r="A98" s="156"/>
      <c r="B98" s="151"/>
      <c r="C98" s="173"/>
      <c r="D98" s="173"/>
      <c r="E98" s="173"/>
      <c r="F98" s="173"/>
      <c r="G98" s="151"/>
    </row>
    <row r="99" spans="1:7" x14ac:dyDescent="0.3">
      <c r="A99" s="156"/>
      <c r="B99" s="151"/>
      <c r="C99" s="173"/>
      <c r="D99" s="173"/>
      <c r="E99" s="173"/>
      <c r="F99" s="173"/>
      <c r="G99" s="151"/>
    </row>
    <row r="100" spans="1:7" x14ac:dyDescent="0.3">
      <c r="A100" s="156"/>
      <c r="B100" s="151"/>
      <c r="C100" s="173"/>
      <c r="D100" s="173"/>
      <c r="E100" s="173"/>
      <c r="F100" s="173"/>
      <c r="G100" s="151"/>
    </row>
    <row r="101" spans="1:7" x14ac:dyDescent="0.3">
      <c r="A101" s="156"/>
      <c r="B101" s="151"/>
      <c r="C101" s="173"/>
      <c r="D101" s="173"/>
      <c r="E101" s="173"/>
      <c r="F101" s="173"/>
      <c r="G101" s="151"/>
    </row>
    <row r="102" spans="1:7" x14ac:dyDescent="0.3">
      <c r="A102" s="156"/>
      <c r="B102" s="151"/>
      <c r="C102" s="173"/>
      <c r="D102" s="173"/>
      <c r="E102" s="173"/>
      <c r="F102" s="173"/>
      <c r="G102" s="151"/>
    </row>
    <row r="103" spans="1:7" x14ac:dyDescent="0.3">
      <c r="A103" s="156"/>
      <c r="B103" s="151"/>
      <c r="C103" s="173"/>
      <c r="D103" s="173"/>
      <c r="E103" s="173"/>
      <c r="F103" s="173"/>
      <c r="G103" s="151"/>
    </row>
    <row r="104" spans="1:7" x14ac:dyDescent="0.3">
      <c r="A104" s="156"/>
      <c r="B104" s="151"/>
      <c r="C104" s="173"/>
      <c r="D104" s="173"/>
      <c r="E104" s="173"/>
      <c r="F104" s="173"/>
      <c r="G104" s="151"/>
    </row>
    <row r="105" spans="1:7" x14ac:dyDescent="0.3">
      <c r="A105" s="156"/>
      <c r="B105" s="151"/>
      <c r="C105" s="173"/>
      <c r="D105" s="173"/>
      <c r="E105" s="173"/>
      <c r="F105" s="173"/>
      <c r="G105" s="151"/>
    </row>
    <row r="106" spans="1:7" x14ac:dyDescent="0.3">
      <c r="A106" s="156"/>
      <c r="B106" s="151"/>
      <c r="C106" s="173"/>
      <c r="D106" s="173"/>
      <c r="E106" s="173"/>
      <c r="F106" s="173"/>
      <c r="G106" s="151"/>
    </row>
    <row r="107" spans="1:7" x14ac:dyDescent="0.3">
      <c r="A107" s="156"/>
      <c r="B107" s="151"/>
      <c r="C107" s="173"/>
      <c r="D107" s="173"/>
      <c r="E107" s="173"/>
      <c r="F107" s="173"/>
      <c r="G107" s="151"/>
    </row>
    <row r="108" spans="1:7" x14ac:dyDescent="0.3">
      <c r="A108" s="156"/>
      <c r="B108" s="151"/>
      <c r="C108" s="173"/>
      <c r="D108" s="173"/>
      <c r="E108" s="173"/>
      <c r="F108" s="173"/>
      <c r="G108" s="151"/>
    </row>
    <row r="109" spans="1:7" x14ac:dyDescent="0.3">
      <c r="A109" s="156"/>
      <c r="B109" s="151"/>
      <c r="C109" s="173"/>
      <c r="D109" s="173"/>
      <c r="E109" s="173"/>
      <c r="F109" s="173"/>
      <c r="G109" s="151"/>
    </row>
    <row r="110" spans="1:7" x14ac:dyDescent="0.3">
      <c r="A110" s="156"/>
      <c r="B110" s="151"/>
      <c r="C110" s="173"/>
      <c r="D110" s="173"/>
      <c r="E110" s="173"/>
      <c r="F110" s="173"/>
      <c r="G110" s="151"/>
    </row>
    <row r="111" spans="1:7" x14ac:dyDescent="0.3">
      <c r="A111" s="156"/>
      <c r="B111" s="151"/>
      <c r="C111" s="173"/>
      <c r="D111" s="173"/>
      <c r="E111" s="173"/>
      <c r="F111" s="173"/>
      <c r="G111" s="151"/>
    </row>
    <row r="112" spans="1:7" x14ac:dyDescent="0.3">
      <c r="A112" s="156"/>
      <c r="B112" s="151"/>
      <c r="C112" s="173"/>
      <c r="D112" s="173"/>
      <c r="E112" s="173"/>
      <c r="F112" s="173"/>
      <c r="G112" s="151"/>
    </row>
    <row r="113" spans="1:7" x14ac:dyDescent="0.3">
      <c r="A113" s="156"/>
      <c r="B113" s="151"/>
      <c r="C113" s="173"/>
      <c r="D113" s="173"/>
      <c r="E113" s="173"/>
      <c r="F113" s="173"/>
      <c r="G113" s="151"/>
    </row>
    <row r="114" spans="1:7" x14ac:dyDescent="0.3">
      <c r="A114" s="156"/>
      <c r="B114" s="151"/>
      <c r="C114" s="173"/>
      <c r="D114" s="173"/>
      <c r="E114" s="173"/>
      <c r="F114" s="173"/>
      <c r="G114" s="151"/>
    </row>
    <row r="115" spans="1:7" x14ac:dyDescent="0.3">
      <c r="A115" s="156"/>
      <c r="B115" s="151"/>
      <c r="C115" s="173"/>
      <c r="D115" s="173"/>
      <c r="E115" s="173"/>
      <c r="F115" s="173"/>
      <c r="G115" s="151"/>
    </row>
    <row r="116" spans="1:7" x14ac:dyDescent="0.3">
      <c r="A116" s="156"/>
      <c r="B116" s="151"/>
      <c r="C116" s="173"/>
      <c r="D116" s="173"/>
      <c r="E116" s="173"/>
      <c r="F116" s="173"/>
      <c r="G116" s="151"/>
    </row>
    <row r="117" spans="1:7" x14ac:dyDescent="0.3">
      <c r="A117" s="156"/>
      <c r="B117" s="151"/>
      <c r="C117" s="173"/>
      <c r="D117" s="173"/>
      <c r="E117" s="173"/>
      <c r="F117" s="173"/>
      <c r="G117" s="151"/>
    </row>
    <row r="118" spans="1:7" x14ac:dyDescent="0.3">
      <c r="A118" s="156"/>
      <c r="B118" s="151"/>
      <c r="C118" s="173"/>
      <c r="D118" s="173"/>
      <c r="E118" s="173"/>
      <c r="F118" s="173"/>
      <c r="G118" s="151"/>
    </row>
    <row r="119" spans="1:7" x14ac:dyDescent="0.3">
      <c r="A119" s="156"/>
      <c r="B119" s="151"/>
      <c r="C119" s="173"/>
      <c r="D119" s="173"/>
      <c r="E119" s="173"/>
      <c r="F119" s="173"/>
      <c r="G119" s="151"/>
    </row>
    <row r="120" spans="1:7" x14ac:dyDescent="0.3">
      <c r="A120" s="156"/>
      <c r="B120" s="151"/>
      <c r="C120" s="173"/>
      <c r="D120" s="173"/>
      <c r="E120" s="173"/>
      <c r="F120" s="173"/>
      <c r="G120" s="151"/>
    </row>
    <row r="121" spans="1:7" x14ac:dyDescent="0.3">
      <c r="A121" s="156"/>
      <c r="B121" s="151"/>
      <c r="C121" s="173"/>
      <c r="D121" s="173"/>
      <c r="E121" s="173"/>
      <c r="F121" s="173"/>
      <c r="G121" s="151"/>
    </row>
    <row r="122" spans="1:7" x14ac:dyDescent="0.3">
      <c r="A122" s="156"/>
      <c r="B122" s="151"/>
      <c r="C122" s="173"/>
      <c r="D122" s="173"/>
      <c r="E122" s="173"/>
      <c r="F122" s="173"/>
      <c r="G122" s="151"/>
    </row>
    <row r="123" spans="1:7" x14ac:dyDescent="0.3">
      <c r="A123" s="156"/>
      <c r="B123" s="151"/>
      <c r="C123" s="173"/>
      <c r="D123" s="173"/>
      <c r="E123" s="173"/>
      <c r="F123" s="173"/>
      <c r="G123" s="151"/>
    </row>
    <row r="124" spans="1:7" x14ac:dyDescent="0.3">
      <c r="A124" s="156"/>
      <c r="B124" s="151"/>
      <c r="C124" s="173"/>
      <c r="D124" s="173"/>
      <c r="E124" s="173"/>
      <c r="F124" s="173"/>
      <c r="G124" s="151"/>
    </row>
    <row r="125" spans="1:7" x14ac:dyDescent="0.3">
      <c r="A125" s="156"/>
      <c r="B125" s="151"/>
      <c r="C125" s="173"/>
      <c r="D125" s="173"/>
      <c r="E125" s="173"/>
      <c r="F125" s="173"/>
      <c r="G125" s="151"/>
    </row>
    <row r="126" spans="1:7" x14ac:dyDescent="0.3">
      <c r="A126" s="156"/>
      <c r="B126" s="151"/>
      <c r="C126" s="173"/>
      <c r="D126" s="173"/>
      <c r="E126" s="173"/>
      <c r="F126" s="173"/>
      <c r="G126" s="151"/>
    </row>
    <row r="127" spans="1:7" x14ac:dyDescent="0.3">
      <c r="A127" s="156"/>
      <c r="B127" s="151"/>
      <c r="C127" s="173"/>
      <c r="D127" s="173"/>
      <c r="E127" s="173"/>
      <c r="F127" s="173"/>
      <c r="G127" s="151"/>
    </row>
    <row r="128" spans="1:7" x14ac:dyDescent="0.3">
      <c r="A128" s="156"/>
      <c r="B128" s="151"/>
      <c r="C128" s="173"/>
      <c r="D128" s="173"/>
      <c r="E128" s="173"/>
      <c r="F128" s="173"/>
      <c r="G128" s="151"/>
    </row>
    <row r="129" spans="1:7" x14ac:dyDescent="0.3">
      <c r="A129" s="156"/>
      <c r="B129" s="151"/>
      <c r="C129" s="173"/>
      <c r="D129" s="173"/>
      <c r="E129" s="173"/>
      <c r="F129" s="173"/>
      <c r="G129" s="151"/>
    </row>
    <row r="130" spans="1:7" x14ac:dyDescent="0.3">
      <c r="A130" s="156"/>
      <c r="B130" s="151"/>
      <c r="C130" s="173"/>
      <c r="D130" s="173"/>
      <c r="E130" s="173"/>
      <c r="F130" s="173"/>
      <c r="G130" s="151"/>
    </row>
    <row r="131" spans="1:7" x14ac:dyDescent="0.3">
      <c r="A131" s="156"/>
      <c r="B131" s="151"/>
      <c r="C131" s="173"/>
      <c r="D131" s="173"/>
      <c r="E131" s="173"/>
      <c r="F131" s="173"/>
      <c r="G131" s="151"/>
    </row>
    <row r="132" spans="1:7" x14ac:dyDescent="0.3">
      <c r="A132" s="156"/>
      <c r="B132" s="151"/>
      <c r="C132" s="173"/>
      <c r="D132" s="173"/>
      <c r="E132" s="173"/>
      <c r="F132" s="173"/>
      <c r="G132" s="151"/>
    </row>
    <row r="133" spans="1:7" x14ac:dyDescent="0.3">
      <c r="A133" s="156"/>
      <c r="B133" s="151"/>
      <c r="C133" s="173"/>
      <c r="D133" s="173"/>
      <c r="E133" s="173"/>
      <c r="F133" s="173"/>
      <c r="G133" s="151"/>
    </row>
    <row r="134" spans="1:7" x14ac:dyDescent="0.3">
      <c r="A134" s="156"/>
      <c r="B134" s="151"/>
      <c r="C134" s="173"/>
      <c r="D134" s="173"/>
      <c r="E134" s="173"/>
      <c r="F134" s="173"/>
      <c r="G134" s="151"/>
    </row>
    <row r="135" spans="1:7" x14ac:dyDescent="0.3">
      <c r="A135" s="156"/>
      <c r="B135" s="151"/>
      <c r="C135" s="173"/>
      <c r="D135" s="173"/>
      <c r="E135" s="173"/>
      <c r="F135" s="173"/>
      <c r="G135" s="151"/>
    </row>
    <row r="136" spans="1:7" x14ac:dyDescent="0.3">
      <c r="A136" s="156"/>
      <c r="B136" s="151"/>
      <c r="C136" s="173"/>
      <c r="D136" s="173"/>
      <c r="E136" s="173"/>
      <c r="F136" s="173"/>
      <c r="G136" s="151"/>
    </row>
    <row r="137" spans="1:7" x14ac:dyDescent="0.3">
      <c r="A137" s="156"/>
      <c r="B137" s="151"/>
      <c r="C137" s="173"/>
      <c r="D137" s="173"/>
      <c r="E137" s="173"/>
      <c r="F137" s="173"/>
      <c r="G137" s="151"/>
    </row>
    <row r="138" spans="1:7" x14ac:dyDescent="0.3">
      <c r="A138" s="156"/>
      <c r="B138" s="151"/>
      <c r="C138" s="173"/>
      <c r="D138" s="173"/>
      <c r="E138" s="173"/>
      <c r="F138" s="173"/>
      <c r="G138" s="151"/>
    </row>
    <row r="139" spans="1:7" x14ac:dyDescent="0.3">
      <c r="A139" s="156"/>
      <c r="B139" s="151"/>
      <c r="C139" s="173"/>
      <c r="D139" s="173"/>
      <c r="E139" s="173"/>
      <c r="F139" s="173"/>
      <c r="G139" s="151"/>
    </row>
    <row r="140" spans="1:7" x14ac:dyDescent="0.3">
      <c r="A140" s="103"/>
      <c r="B140" s="103"/>
      <c r="C140" s="103"/>
      <c r="D140" s="103"/>
      <c r="E140" s="103"/>
      <c r="F140" s="103"/>
      <c r="G140" s="103"/>
    </row>
    <row r="141" spans="1:7" x14ac:dyDescent="0.3">
      <c r="A141" s="156"/>
      <c r="B141" s="156"/>
      <c r="C141" s="173"/>
      <c r="D141" s="173"/>
      <c r="E141" s="190"/>
      <c r="F141" s="173"/>
      <c r="G141" s="151"/>
    </row>
    <row r="142" spans="1:7" x14ac:dyDescent="0.3">
      <c r="A142" s="156"/>
      <c r="B142" s="156"/>
      <c r="C142" s="173"/>
      <c r="D142" s="173"/>
      <c r="E142" s="190"/>
      <c r="F142" s="173"/>
      <c r="G142" s="151"/>
    </row>
    <row r="143" spans="1:7" x14ac:dyDescent="0.3">
      <c r="A143" s="156"/>
      <c r="B143" s="156"/>
      <c r="C143" s="173"/>
      <c r="D143" s="173"/>
      <c r="E143" s="190"/>
      <c r="F143" s="173"/>
      <c r="G143" s="151"/>
    </row>
    <row r="144" spans="1:7" x14ac:dyDescent="0.3">
      <c r="A144" s="156"/>
      <c r="B144" s="156"/>
      <c r="C144" s="173"/>
      <c r="D144" s="173"/>
      <c r="E144" s="190"/>
      <c r="F144" s="173"/>
      <c r="G144" s="151"/>
    </row>
    <row r="145" spans="1:7" x14ac:dyDescent="0.3">
      <c r="A145" s="156"/>
      <c r="B145" s="156"/>
      <c r="C145" s="173"/>
      <c r="D145" s="173"/>
      <c r="E145" s="190"/>
      <c r="F145" s="173"/>
      <c r="G145" s="151"/>
    </row>
    <row r="146" spans="1:7" x14ac:dyDescent="0.3">
      <c r="A146" s="156"/>
      <c r="B146" s="156"/>
      <c r="C146" s="173"/>
      <c r="D146" s="173"/>
      <c r="E146" s="190"/>
      <c r="F146" s="173"/>
      <c r="G146" s="151"/>
    </row>
    <row r="147" spans="1:7" x14ac:dyDescent="0.3">
      <c r="A147" s="156"/>
      <c r="B147" s="156"/>
      <c r="C147" s="173"/>
      <c r="D147" s="173"/>
      <c r="E147" s="190"/>
      <c r="F147" s="173"/>
      <c r="G147" s="151"/>
    </row>
    <row r="148" spans="1:7" x14ac:dyDescent="0.3">
      <c r="A148" s="156"/>
      <c r="B148" s="156"/>
      <c r="C148" s="173"/>
      <c r="D148" s="173"/>
      <c r="E148" s="190"/>
      <c r="F148" s="173"/>
      <c r="G148" s="151"/>
    </row>
    <row r="149" spans="1:7" x14ac:dyDescent="0.3">
      <c r="A149" s="156"/>
      <c r="B149" s="156"/>
      <c r="C149" s="173"/>
      <c r="D149" s="173"/>
      <c r="E149" s="190"/>
      <c r="F149" s="173"/>
      <c r="G149" s="151"/>
    </row>
    <row r="150" spans="1:7" x14ac:dyDescent="0.3">
      <c r="A150" s="103"/>
      <c r="B150" s="103"/>
      <c r="C150" s="103"/>
      <c r="D150" s="103"/>
      <c r="E150" s="103"/>
      <c r="F150" s="103"/>
      <c r="G150" s="103"/>
    </row>
    <row r="151" spans="1:7" x14ac:dyDescent="0.3">
      <c r="A151" s="156"/>
      <c r="B151" s="156"/>
      <c r="C151" s="173"/>
      <c r="D151" s="173"/>
      <c r="E151" s="190"/>
      <c r="F151" s="173"/>
      <c r="G151" s="151"/>
    </row>
    <row r="152" spans="1:7" x14ac:dyDescent="0.3">
      <c r="A152" s="156"/>
      <c r="B152" s="156"/>
      <c r="C152" s="173"/>
      <c r="D152" s="173"/>
      <c r="E152" s="190"/>
      <c r="F152" s="173"/>
      <c r="G152" s="151"/>
    </row>
    <row r="153" spans="1:7" x14ac:dyDescent="0.3">
      <c r="A153" s="156"/>
      <c r="B153" s="156"/>
      <c r="C153" s="173"/>
      <c r="D153" s="173"/>
      <c r="E153" s="190"/>
      <c r="F153" s="173"/>
      <c r="G153" s="151"/>
    </row>
    <row r="154" spans="1:7" x14ac:dyDescent="0.3">
      <c r="A154" s="156"/>
      <c r="B154" s="156"/>
      <c r="C154" s="156"/>
      <c r="D154" s="156"/>
      <c r="E154" s="128"/>
      <c r="F154" s="156"/>
      <c r="G154" s="151"/>
    </row>
    <row r="155" spans="1:7" x14ac:dyDescent="0.3">
      <c r="A155" s="156"/>
      <c r="B155" s="156"/>
      <c r="C155" s="156"/>
      <c r="D155" s="156"/>
      <c r="E155" s="128"/>
      <c r="F155" s="156"/>
      <c r="G155" s="151"/>
    </row>
    <row r="156" spans="1:7" x14ac:dyDescent="0.3">
      <c r="A156" s="156"/>
      <c r="B156" s="156"/>
      <c r="C156" s="156"/>
      <c r="D156" s="156"/>
      <c r="E156" s="128"/>
      <c r="F156" s="156"/>
      <c r="G156" s="151"/>
    </row>
    <row r="157" spans="1:7" x14ac:dyDescent="0.3">
      <c r="A157" s="156"/>
      <c r="B157" s="156"/>
      <c r="C157" s="156"/>
      <c r="D157" s="156"/>
      <c r="E157" s="128"/>
      <c r="F157" s="156"/>
      <c r="G157" s="151"/>
    </row>
    <row r="158" spans="1:7" x14ac:dyDescent="0.3">
      <c r="A158" s="156"/>
      <c r="B158" s="156"/>
      <c r="C158" s="156"/>
      <c r="D158" s="156"/>
      <c r="E158" s="128"/>
      <c r="F158" s="156"/>
      <c r="G158" s="151"/>
    </row>
    <row r="159" spans="1:7" x14ac:dyDescent="0.3">
      <c r="A159" s="156"/>
      <c r="B159" s="156"/>
      <c r="C159" s="156"/>
      <c r="D159" s="156"/>
      <c r="E159" s="128"/>
      <c r="F159" s="156"/>
      <c r="G159" s="151"/>
    </row>
    <row r="160" spans="1:7" x14ac:dyDescent="0.3">
      <c r="A160" s="103"/>
      <c r="B160" s="103"/>
      <c r="C160" s="103"/>
      <c r="D160" s="103"/>
      <c r="E160" s="103"/>
      <c r="F160" s="103"/>
      <c r="G160" s="103"/>
    </row>
    <row r="161" spans="1:7" x14ac:dyDescent="0.3">
      <c r="A161" s="156"/>
      <c r="B161" s="108"/>
      <c r="C161" s="173"/>
      <c r="D161" s="173"/>
      <c r="E161" s="190"/>
      <c r="F161" s="173"/>
      <c r="G161" s="151"/>
    </row>
    <row r="162" spans="1:7" x14ac:dyDescent="0.3">
      <c r="A162" s="156"/>
      <c r="B162" s="108"/>
      <c r="C162" s="173"/>
      <c r="D162" s="173"/>
      <c r="E162" s="190"/>
      <c r="F162" s="173"/>
      <c r="G162" s="151"/>
    </row>
    <row r="163" spans="1:7" x14ac:dyDescent="0.3">
      <c r="A163" s="156"/>
      <c r="B163" s="108"/>
      <c r="C163" s="173"/>
      <c r="D163" s="173"/>
      <c r="E163" s="173"/>
      <c r="F163" s="173"/>
      <c r="G163" s="151"/>
    </row>
    <row r="164" spans="1:7" x14ac:dyDescent="0.3">
      <c r="A164" s="156"/>
      <c r="B164" s="108"/>
      <c r="C164" s="173"/>
      <c r="D164" s="173"/>
      <c r="E164" s="173"/>
      <c r="F164" s="173"/>
      <c r="G164" s="151"/>
    </row>
    <row r="165" spans="1:7" x14ac:dyDescent="0.3">
      <c r="A165" s="156"/>
      <c r="B165" s="108"/>
      <c r="C165" s="173"/>
      <c r="D165" s="173"/>
      <c r="E165" s="173"/>
      <c r="F165" s="173"/>
      <c r="G165" s="151"/>
    </row>
    <row r="166" spans="1:7" x14ac:dyDescent="0.3">
      <c r="A166" s="156"/>
      <c r="B166" s="104"/>
      <c r="C166" s="173"/>
      <c r="D166" s="173"/>
      <c r="E166" s="173"/>
      <c r="F166" s="173"/>
      <c r="G166" s="151"/>
    </row>
    <row r="167" spans="1:7" x14ac:dyDescent="0.3">
      <c r="A167" s="156"/>
      <c r="B167" s="104"/>
      <c r="C167" s="173"/>
      <c r="D167" s="173"/>
      <c r="E167" s="173"/>
      <c r="F167" s="173"/>
      <c r="G167" s="151"/>
    </row>
    <row r="168" spans="1:7" x14ac:dyDescent="0.3">
      <c r="A168" s="156"/>
      <c r="B168" s="108"/>
      <c r="C168" s="173"/>
      <c r="D168" s="173"/>
      <c r="E168" s="173"/>
      <c r="F168" s="173"/>
      <c r="G168" s="151"/>
    </row>
    <row r="169" spans="1:7" x14ac:dyDescent="0.3">
      <c r="A169" s="156"/>
      <c r="B169" s="108"/>
      <c r="C169" s="173"/>
      <c r="D169" s="173"/>
      <c r="E169" s="173"/>
      <c r="F169" s="173"/>
      <c r="G169" s="151"/>
    </row>
    <row r="170" spans="1:7" x14ac:dyDescent="0.3">
      <c r="A170" s="103"/>
      <c r="B170" s="103"/>
      <c r="C170" s="103"/>
      <c r="D170" s="103"/>
      <c r="E170" s="103"/>
      <c r="F170" s="103"/>
      <c r="G170" s="103"/>
    </row>
    <row r="171" spans="1:7" x14ac:dyDescent="0.3">
      <c r="A171" s="156"/>
      <c r="B171" s="156"/>
      <c r="C171" s="173"/>
      <c r="D171" s="173"/>
      <c r="E171" s="190"/>
      <c r="F171" s="173"/>
      <c r="G171" s="151"/>
    </row>
    <row r="172" spans="1:7" x14ac:dyDescent="0.3">
      <c r="A172" s="156"/>
      <c r="B172" s="109"/>
      <c r="C172" s="173"/>
      <c r="D172" s="173"/>
      <c r="E172" s="190"/>
      <c r="F172" s="173"/>
      <c r="G172" s="151"/>
    </row>
    <row r="173" spans="1:7" x14ac:dyDescent="0.3">
      <c r="A173" s="156"/>
      <c r="B173" s="109"/>
      <c r="C173" s="173"/>
      <c r="D173" s="173"/>
      <c r="E173" s="190"/>
      <c r="F173" s="173"/>
      <c r="G173" s="151"/>
    </row>
    <row r="174" spans="1:7" x14ac:dyDescent="0.3">
      <c r="A174" s="156"/>
      <c r="B174" s="109"/>
      <c r="C174" s="173"/>
      <c r="D174" s="173"/>
      <c r="E174" s="190"/>
      <c r="F174" s="171" t="str">
        <f>IF(C179=0,"",IF(C174="[for completion]","",C174/C179))</f>
        <v/>
      </c>
      <c r="G174" s="151"/>
    </row>
    <row r="175" spans="1:7" x14ac:dyDescent="0.3">
      <c r="A175" s="156"/>
      <c r="B175" s="109"/>
      <c r="C175" s="173"/>
      <c r="D175" s="173"/>
      <c r="E175" s="190"/>
      <c r="F175" s="171" t="str">
        <f>IF(C179=0,"",IF(C175="[for completion]","",C175/C179))</f>
        <v/>
      </c>
      <c r="G175" s="151"/>
    </row>
    <row r="176" spans="1:7" x14ac:dyDescent="0.3">
      <c r="A176" s="156"/>
      <c r="B176" s="151"/>
      <c r="C176" s="151"/>
      <c r="D176" s="151"/>
      <c r="E176" s="151"/>
      <c r="F176" s="171" t="str">
        <f>IF(C179=0,"",IF(C176="[for completion]","",C176/C179))</f>
        <v/>
      </c>
      <c r="G176" s="151"/>
    </row>
    <row r="177" spans="1:7" x14ac:dyDescent="0.3">
      <c r="A177" s="156"/>
      <c r="B177" s="151"/>
      <c r="C177" s="151"/>
      <c r="D177" s="151"/>
      <c r="E177" s="151"/>
      <c r="F177" s="171" t="str">
        <f>IF(C179=0,"",IF(C177="[for completion]","",C177/C179))</f>
        <v/>
      </c>
      <c r="G177" s="151"/>
    </row>
    <row r="178" spans="1:7" x14ac:dyDescent="0.3">
      <c r="A178" s="156"/>
      <c r="B178" s="151"/>
      <c r="C178" s="151"/>
      <c r="D178" s="151"/>
      <c r="E178" s="151"/>
      <c r="F178" s="171" t="str">
        <f>IF(C179=0,"",IF(C178="[for completion]","",C178/C179))</f>
        <v/>
      </c>
      <c r="G178" s="151"/>
    </row>
    <row r="179" spans="1:7" ht="18.75" customHeight="1" x14ac:dyDescent="0.3">
      <c r="A179" s="110"/>
      <c r="B179" s="111"/>
      <c r="C179" s="112"/>
      <c r="D179" s="112"/>
      <c r="E179" s="112"/>
      <c r="F179" s="112"/>
      <c r="G179" s="112"/>
    </row>
    <row r="180" spans="1:7" x14ac:dyDescent="0.3">
      <c r="A180" s="103"/>
      <c r="B180" s="103"/>
      <c r="C180" s="103"/>
      <c r="D180" s="103"/>
      <c r="E180" s="103"/>
      <c r="F180" s="103"/>
      <c r="G180" s="103"/>
    </row>
    <row r="181" spans="1:7" x14ac:dyDescent="0.3">
      <c r="A181" s="156"/>
      <c r="B181" s="151"/>
      <c r="C181" s="170"/>
      <c r="D181" s="156"/>
      <c r="E181" s="129"/>
      <c r="F181" s="94"/>
      <c r="G181" s="94"/>
    </row>
    <row r="182" spans="1:7" x14ac:dyDescent="0.3">
      <c r="A182" s="129"/>
      <c r="B182" s="113"/>
      <c r="C182" s="129"/>
      <c r="D182" s="129"/>
      <c r="E182" s="129"/>
      <c r="F182" s="94"/>
      <c r="G182" s="94"/>
    </row>
    <row r="183" spans="1:7" x14ac:dyDescent="0.3">
      <c r="A183" s="156"/>
      <c r="B183" s="151"/>
      <c r="C183" s="129"/>
      <c r="D183" s="129"/>
      <c r="E183" s="129"/>
      <c r="F183" s="94"/>
      <c r="G183" s="94"/>
    </row>
    <row r="184" spans="1:7" x14ac:dyDescent="0.3">
      <c r="A184" s="156"/>
      <c r="B184" s="151"/>
      <c r="C184" s="170"/>
      <c r="D184" s="147"/>
      <c r="E184" s="129"/>
      <c r="F184" s="174"/>
      <c r="G184" s="174"/>
    </row>
    <row r="185" spans="1:7" x14ac:dyDescent="0.3">
      <c r="A185" s="156"/>
      <c r="B185" s="151"/>
      <c r="C185" s="170"/>
      <c r="D185" s="147"/>
      <c r="E185" s="129"/>
      <c r="F185" s="174"/>
      <c r="G185" s="174"/>
    </row>
    <row r="186" spans="1:7" x14ac:dyDescent="0.3">
      <c r="A186" s="156"/>
      <c r="B186" s="151"/>
      <c r="C186" s="170"/>
      <c r="D186" s="147"/>
      <c r="E186" s="129"/>
      <c r="F186" s="174"/>
      <c r="G186" s="174"/>
    </row>
    <row r="187" spans="1:7" x14ac:dyDescent="0.3">
      <c r="A187" s="156"/>
      <c r="B187" s="151"/>
      <c r="C187" s="170"/>
      <c r="D187" s="147"/>
      <c r="E187" s="129"/>
      <c r="F187" s="174"/>
      <c r="G187" s="174"/>
    </row>
    <row r="188" spans="1:7" x14ac:dyDescent="0.3">
      <c r="A188" s="156"/>
      <c r="B188" s="151"/>
      <c r="C188" s="170"/>
      <c r="D188" s="147"/>
      <c r="E188" s="129"/>
      <c r="F188" s="174"/>
      <c r="G188" s="174"/>
    </row>
    <row r="189" spans="1:7" x14ac:dyDescent="0.3">
      <c r="A189" s="156"/>
      <c r="B189" s="151"/>
      <c r="C189" s="170"/>
      <c r="D189" s="147"/>
      <c r="E189" s="129"/>
      <c r="F189" s="174"/>
      <c r="G189" s="174"/>
    </row>
    <row r="190" spans="1:7" x14ac:dyDescent="0.3">
      <c r="A190" s="156"/>
      <c r="B190" s="151"/>
      <c r="C190" s="170"/>
      <c r="D190" s="147"/>
      <c r="E190" s="129"/>
      <c r="F190" s="174"/>
      <c r="G190" s="174"/>
    </row>
    <row r="191" spans="1:7" x14ac:dyDescent="0.3">
      <c r="A191" s="156"/>
      <c r="B191" s="151"/>
      <c r="C191" s="170"/>
      <c r="D191" s="147"/>
      <c r="E191" s="129"/>
      <c r="F191" s="174"/>
      <c r="G191" s="174"/>
    </row>
    <row r="192" spans="1:7" x14ac:dyDescent="0.3">
      <c r="A192" s="156"/>
      <c r="B192" s="151"/>
      <c r="C192" s="170"/>
      <c r="D192" s="147"/>
      <c r="E192" s="129"/>
      <c r="F192" s="174"/>
      <c r="G192" s="174"/>
    </row>
    <row r="193" spans="1:7" x14ac:dyDescent="0.3">
      <c r="A193" s="156"/>
      <c r="B193" s="151"/>
      <c r="C193" s="170"/>
      <c r="D193" s="147"/>
      <c r="E193" s="151"/>
      <c r="F193" s="174"/>
      <c r="G193" s="174"/>
    </row>
    <row r="194" spans="1:7" x14ac:dyDescent="0.3">
      <c r="A194" s="156"/>
      <c r="B194" s="151"/>
      <c r="C194" s="170"/>
      <c r="D194" s="147"/>
      <c r="E194" s="151"/>
      <c r="F194" s="174"/>
      <c r="G194" s="174"/>
    </row>
    <row r="195" spans="1:7" x14ac:dyDescent="0.3">
      <c r="A195" s="156"/>
      <c r="B195" s="151"/>
      <c r="C195" s="170"/>
      <c r="D195" s="147"/>
      <c r="E195" s="151"/>
      <c r="F195" s="174"/>
      <c r="G195" s="174"/>
    </row>
    <row r="196" spans="1:7" x14ac:dyDescent="0.3">
      <c r="A196" s="156"/>
      <c r="B196" s="151"/>
      <c r="C196" s="170"/>
      <c r="D196" s="147"/>
      <c r="E196" s="151"/>
      <c r="F196" s="174"/>
      <c r="G196" s="174"/>
    </row>
    <row r="197" spans="1:7" x14ac:dyDescent="0.3">
      <c r="A197" s="156"/>
      <c r="B197" s="151"/>
      <c r="C197" s="170"/>
      <c r="D197" s="147"/>
      <c r="E197" s="151"/>
      <c r="F197" s="174"/>
      <c r="G197" s="174"/>
    </row>
    <row r="198" spans="1:7" x14ac:dyDescent="0.3">
      <c r="A198" s="156"/>
      <c r="B198" s="151"/>
      <c r="C198" s="170"/>
      <c r="D198" s="147"/>
      <c r="E198" s="151"/>
      <c r="F198" s="174"/>
      <c r="G198" s="174"/>
    </row>
    <row r="199" spans="1:7" x14ac:dyDescent="0.3">
      <c r="A199" s="156"/>
      <c r="B199" s="151"/>
      <c r="C199" s="170"/>
      <c r="D199" s="147"/>
      <c r="E199" s="156"/>
      <c r="F199" s="174"/>
      <c r="G199" s="174"/>
    </row>
    <row r="200" spans="1:7" x14ac:dyDescent="0.3">
      <c r="A200" s="156"/>
      <c r="B200" s="151"/>
      <c r="C200" s="170"/>
      <c r="D200" s="147"/>
      <c r="E200" s="114"/>
      <c r="F200" s="174"/>
      <c r="G200" s="174"/>
    </row>
    <row r="201" spans="1:7" x14ac:dyDescent="0.3">
      <c r="A201" s="156"/>
      <c r="B201" s="151"/>
      <c r="C201" s="170"/>
      <c r="D201" s="147"/>
      <c r="E201" s="114"/>
      <c r="F201" s="174"/>
      <c r="G201" s="174"/>
    </row>
    <row r="202" spans="1:7" x14ac:dyDescent="0.3">
      <c r="A202" s="156"/>
      <c r="B202" s="151"/>
      <c r="C202" s="170"/>
      <c r="D202" s="147"/>
      <c r="E202" s="114"/>
      <c r="F202" s="174"/>
      <c r="G202" s="174"/>
    </row>
    <row r="203" spans="1:7" x14ac:dyDescent="0.3">
      <c r="A203" s="156"/>
      <c r="B203" s="151"/>
      <c r="C203" s="170"/>
      <c r="D203" s="147"/>
      <c r="E203" s="114"/>
      <c r="F203" s="174"/>
      <c r="G203" s="174"/>
    </row>
    <row r="204" spans="1:7" x14ac:dyDescent="0.3">
      <c r="A204" s="156"/>
      <c r="B204" s="151"/>
      <c r="C204" s="170"/>
      <c r="D204" s="147"/>
      <c r="E204" s="114"/>
      <c r="F204" s="174"/>
      <c r="G204" s="174"/>
    </row>
    <row r="205" spans="1:7" x14ac:dyDescent="0.3">
      <c r="A205" s="156"/>
      <c r="B205" s="151"/>
      <c r="C205" s="170"/>
      <c r="D205" s="147"/>
      <c r="E205" s="114"/>
      <c r="F205" s="174"/>
      <c r="G205" s="174"/>
    </row>
    <row r="206" spans="1:7" x14ac:dyDescent="0.3">
      <c r="A206" s="156"/>
      <c r="B206" s="151"/>
      <c r="C206" s="170"/>
      <c r="D206" s="147"/>
      <c r="E206" s="114"/>
      <c r="F206" s="174"/>
      <c r="G206" s="174"/>
    </row>
    <row r="207" spans="1:7" x14ac:dyDescent="0.3">
      <c r="A207" s="156"/>
      <c r="B207" s="151"/>
      <c r="C207" s="170"/>
      <c r="D207" s="147"/>
      <c r="E207" s="114"/>
      <c r="F207" s="174"/>
      <c r="G207" s="174"/>
    </row>
    <row r="208" spans="1:7" x14ac:dyDescent="0.3">
      <c r="A208" s="156"/>
      <c r="B208" s="115"/>
      <c r="C208" s="177"/>
      <c r="D208" s="116"/>
      <c r="E208" s="114"/>
      <c r="F208" s="175"/>
      <c r="G208" s="175"/>
    </row>
    <row r="209" spans="1:7" x14ac:dyDescent="0.3">
      <c r="A209" s="103"/>
      <c r="B209" s="103"/>
      <c r="C209" s="103"/>
      <c r="D209" s="103"/>
      <c r="E209" s="103"/>
      <c r="F209" s="103"/>
      <c r="G209" s="103"/>
    </row>
    <row r="210" spans="1:7" x14ac:dyDescent="0.3">
      <c r="A210" s="156"/>
      <c r="B210" s="156"/>
      <c r="C210" s="173"/>
      <c r="D210" s="156"/>
      <c r="E210" s="156"/>
      <c r="F210" s="188"/>
      <c r="G210" s="188"/>
    </row>
    <row r="211" spans="1:7" x14ac:dyDescent="0.3">
      <c r="A211" s="156"/>
      <c r="B211" s="156"/>
      <c r="C211" s="156"/>
      <c r="D211" s="156"/>
      <c r="E211" s="156"/>
      <c r="F211" s="188"/>
      <c r="G211" s="188"/>
    </row>
    <row r="212" spans="1:7" x14ac:dyDescent="0.3">
      <c r="A212" s="156"/>
      <c r="B212" s="151"/>
      <c r="C212" s="156"/>
      <c r="D212" s="156"/>
      <c r="E212" s="156"/>
      <c r="F212" s="188"/>
      <c r="G212" s="188"/>
    </row>
    <row r="213" spans="1:7" x14ac:dyDescent="0.3">
      <c r="A213" s="156"/>
      <c r="B213" s="156"/>
      <c r="C213" s="170"/>
      <c r="D213" s="147"/>
      <c r="E213" s="156"/>
      <c r="F213" s="174"/>
      <c r="G213" s="174"/>
    </row>
    <row r="214" spans="1:7" x14ac:dyDescent="0.3">
      <c r="A214" s="156"/>
      <c r="B214" s="156"/>
      <c r="C214" s="170"/>
      <c r="D214" s="147"/>
      <c r="E214" s="156"/>
      <c r="F214" s="174"/>
      <c r="G214" s="174"/>
    </row>
    <row r="215" spans="1:7" x14ac:dyDescent="0.3">
      <c r="A215" s="156"/>
      <c r="B215" s="156"/>
      <c r="C215" s="170"/>
      <c r="D215" s="147"/>
      <c r="E215" s="156"/>
      <c r="F215" s="174"/>
      <c r="G215" s="174"/>
    </row>
    <row r="216" spans="1:7" x14ac:dyDescent="0.3">
      <c r="A216" s="156"/>
      <c r="B216" s="156"/>
      <c r="C216" s="170"/>
      <c r="D216" s="147"/>
      <c r="E216" s="156"/>
      <c r="F216" s="174"/>
      <c r="G216" s="174"/>
    </row>
    <row r="217" spans="1:7" x14ac:dyDescent="0.3">
      <c r="A217" s="156"/>
      <c r="B217" s="156"/>
      <c r="C217" s="170"/>
      <c r="D217" s="147"/>
      <c r="E217" s="156"/>
      <c r="F217" s="174"/>
      <c r="G217" s="174"/>
    </row>
    <row r="218" spans="1:7" x14ac:dyDescent="0.3">
      <c r="A218" s="156"/>
      <c r="B218" s="156"/>
      <c r="C218" s="170"/>
      <c r="D218" s="147"/>
      <c r="E218" s="156"/>
      <c r="F218" s="174"/>
      <c r="G218" s="174"/>
    </row>
    <row r="219" spans="1:7" x14ac:dyDescent="0.3">
      <c r="A219" s="156"/>
      <c r="B219" s="156"/>
      <c r="C219" s="170"/>
      <c r="D219" s="147"/>
      <c r="E219" s="156"/>
      <c r="F219" s="174"/>
      <c r="G219" s="174"/>
    </row>
    <row r="220" spans="1:7" x14ac:dyDescent="0.3">
      <c r="A220" s="156"/>
      <c r="B220" s="156"/>
      <c r="C220" s="170"/>
      <c r="D220" s="147"/>
      <c r="E220" s="156"/>
      <c r="F220" s="174"/>
      <c r="G220" s="174"/>
    </row>
    <row r="221" spans="1:7" x14ac:dyDescent="0.3">
      <c r="A221" s="156"/>
      <c r="B221" s="115"/>
      <c r="C221" s="170"/>
      <c r="D221" s="147"/>
      <c r="E221" s="156"/>
      <c r="F221" s="174"/>
      <c r="G221" s="174"/>
    </row>
    <row r="222" spans="1:7" x14ac:dyDescent="0.3">
      <c r="A222" s="156"/>
      <c r="B222" s="106"/>
      <c r="C222" s="170"/>
      <c r="D222" s="147"/>
      <c r="E222" s="156"/>
      <c r="F222" s="174"/>
      <c r="G222" s="174"/>
    </row>
    <row r="223" spans="1:7" x14ac:dyDescent="0.3">
      <c r="A223" s="156"/>
      <c r="B223" s="106"/>
      <c r="C223" s="170"/>
      <c r="D223" s="147"/>
      <c r="E223" s="156"/>
      <c r="F223" s="174"/>
      <c r="G223" s="174"/>
    </row>
    <row r="224" spans="1:7" x14ac:dyDescent="0.3">
      <c r="A224" s="156"/>
      <c r="B224" s="106"/>
      <c r="C224" s="170"/>
      <c r="D224" s="147"/>
      <c r="E224" s="156"/>
      <c r="F224" s="174"/>
      <c r="G224" s="174"/>
    </row>
    <row r="225" spans="1:7" x14ac:dyDescent="0.3">
      <c r="A225" s="156"/>
      <c r="B225" s="106"/>
      <c r="C225" s="170"/>
      <c r="D225" s="147"/>
      <c r="E225" s="156"/>
      <c r="F225" s="174"/>
      <c r="G225" s="174"/>
    </row>
    <row r="226" spans="1:7" x14ac:dyDescent="0.3">
      <c r="A226" s="156"/>
      <c r="B226" s="106"/>
      <c r="C226" s="170"/>
      <c r="D226" s="147"/>
      <c r="E226" s="156"/>
      <c r="F226" s="174"/>
      <c r="G226" s="174"/>
    </row>
    <row r="227" spans="1:7" x14ac:dyDescent="0.3">
      <c r="A227" s="156"/>
      <c r="B227" s="106"/>
      <c r="C227" s="170"/>
      <c r="D227" s="147"/>
      <c r="E227" s="156"/>
      <c r="F227" s="174"/>
      <c r="G227" s="174"/>
    </row>
    <row r="228" spans="1:7" x14ac:dyDescent="0.3">
      <c r="A228" s="156"/>
      <c r="B228" s="106"/>
      <c r="C228" s="156"/>
      <c r="D228" s="156"/>
      <c r="E228" s="156"/>
      <c r="F228" s="174"/>
      <c r="G228" s="174"/>
    </row>
    <row r="229" spans="1:7" x14ac:dyDescent="0.3">
      <c r="A229" s="156"/>
      <c r="B229" s="106"/>
      <c r="C229" s="156"/>
      <c r="D229" s="156"/>
      <c r="E229" s="156"/>
      <c r="F229" s="174"/>
      <c r="G229" s="174"/>
    </row>
    <row r="230" spans="1:7" x14ac:dyDescent="0.3">
      <c r="A230" s="156"/>
      <c r="B230" s="106"/>
      <c r="C230" s="156"/>
      <c r="D230" s="156"/>
      <c r="E230" s="156"/>
      <c r="F230" s="174"/>
      <c r="G230" s="174"/>
    </row>
    <row r="231" spans="1:7" x14ac:dyDescent="0.3">
      <c r="A231" s="103"/>
      <c r="B231" s="103"/>
      <c r="C231" s="103"/>
      <c r="D231" s="103"/>
      <c r="E231" s="103"/>
      <c r="F231" s="103"/>
      <c r="G231" s="103"/>
    </row>
    <row r="232" spans="1:7" x14ac:dyDescent="0.3">
      <c r="A232" s="156"/>
      <c r="B232" s="156"/>
      <c r="C232" s="173"/>
      <c r="D232" s="156"/>
      <c r="E232" s="156"/>
      <c r="F232" s="188"/>
      <c r="G232" s="188"/>
    </row>
    <row r="233" spans="1:7" x14ac:dyDescent="0.3">
      <c r="A233" s="156"/>
      <c r="B233" s="156"/>
      <c r="C233" s="156"/>
      <c r="D233" s="156"/>
      <c r="E233" s="156"/>
      <c r="F233" s="188"/>
      <c r="G233" s="188"/>
    </row>
    <row r="234" spans="1:7" x14ac:dyDescent="0.3">
      <c r="A234" s="156"/>
      <c r="B234" s="151"/>
      <c r="C234" s="156"/>
      <c r="D234" s="156"/>
      <c r="E234" s="156"/>
      <c r="F234" s="188"/>
      <c r="G234" s="188"/>
    </row>
    <row r="235" spans="1:7" x14ac:dyDescent="0.3">
      <c r="A235" s="156"/>
      <c r="B235" s="156"/>
      <c r="C235" s="170"/>
      <c r="D235" s="147"/>
      <c r="E235" s="156"/>
      <c r="F235" s="174"/>
      <c r="G235" s="174"/>
    </row>
    <row r="236" spans="1:7" x14ac:dyDescent="0.3">
      <c r="A236" s="156"/>
      <c r="B236" s="156"/>
      <c r="C236" s="170"/>
      <c r="D236" s="147"/>
      <c r="E236" s="156"/>
      <c r="F236" s="174"/>
      <c r="G236" s="174"/>
    </row>
    <row r="237" spans="1:7" x14ac:dyDescent="0.3">
      <c r="A237" s="156"/>
      <c r="B237" s="156"/>
      <c r="C237" s="170"/>
      <c r="D237" s="147"/>
      <c r="E237" s="156"/>
      <c r="F237" s="174"/>
      <c r="G237" s="174"/>
    </row>
    <row r="238" spans="1:7" x14ac:dyDescent="0.3">
      <c r="A238" s="156"/>
      <c r="B238" s="156"/>
      <c r="C238" s="170"/>
      <c r="D238" s="147"/>
      <c r="E238" s="156"/>
      <c r="F238" s="174"/>
      <c r="G238" s="174"/>
    </row>
    <row r="239" spans="1:7" x14ac:dyDescent="0.3">
      <c r="A239" s="156"/>
      <c r="B239" s="156"/>
      <c r="C239" s="170"/>
      <c r="D239" s="147"/>
      <c r="E239" s="156"/>
      <c r="F239" s="174"/>
      <c r="G239" s="174"/>
    </row>
    <row r="240" spans="1:7" x14ac:dyDescent="0.3">
      <c r="A240" s="156"/>
      <c r="B240" s="156"/>
      <c r="C240" s="170"/>
      <c r="D240" s="147"/>
      <c r="E240" s="156"/>
      <c r="F240" s="174"/>
      <c r="G240" s="174"/>
    </row>
    <row r="241" spans="1:7" x14ac:dyDescent="0.3">
      <c r="A241" s="156"/>
      <c r="B241" s="156"/>
      <c r="C241" s="170"/>
      <c r="D241" s="147"/>
      <c r="E241" s="156"/>
      <c r="F241" s="174"/>
      <c r="G241" s="174"/>
    </row>
    <row r="242" spans="1:7" x14ac:dyDescent="0.3">
      <c r="A242" s="156"/>
      <c r="B242" s="156"/>
      <c r="C242" s="170"/>
      <c r="D242" s="147"/>
      <c r="E242" s="156"/>
      <c r="F242" s="174"/>
      <c r="G242" s="174"/>
    </row>
    <row r="243" spans="1:7" x14ac:dyDescent="0.3">
      <c r="A243" s="156"/>
      <c r="B243" s="115"/>
      <c r="C243" s="170"/>
      <c r="D243" s="147"/>
      <c r="E243" s="156"/>
      <c r="F243" s="174"/>
      <c r="G243" s="174"/>
    </row>
    <row r="244" spans="1:7" x14ac:dyDescent="0.3">
      <c r="A244" s="156"/>
      <c r="B244" s="106"/>
      <c r="C244" s="170"/>
      <c r="D244" s="147"/>
      <c r="E244" s="156"/>
      <c r="F244" s="174"/>
      <c r="G244" s="174"/>
    </row>
    <row r="245" spans="1:7" x14ac:dyDescent="0.3">
      <c r="A245" s="156"/>
      <c r="B245" s="106"/>
      <c r="C245" s="170"/>
      <c r="D245" s="147"/>
      <c r="E245" s="156"/>
      <c r="F245" s="174"/>
      <c r="G245" s="174"/>
    </row>
    <row r="246" spans="1:7" x14ac:dyDescent="0.3">
      <c r="A246" s="156"/>
      <c r="B246" s="106"/>
      <c r="C246" s="170"/>
      <c r="D246" s="147"/>
      <c r="E246" s="156"/>
      <c r="F246" s="174"/>
      <c r="G246" s="174"/>
    </row>
    <row r="247" spans="1:7" x14ac:dyDescent="0.3">
      <c r="A247" s="156"/>
      <c r="B247" s="106"/>
      <c r="C247" s="170"/>
      <c r="D247" s="147"/>
      <c r="E247" s="156"/>
      <c r="F247" s="174"/>
      <c r="G247" s="174"/>
    </row>
    <row r="248" spans="1:7" x14ac:dyDescent="0.3">
      <c r="A248" s="156"/>
      <c r="B248" s="106"/>
      <c r="C248" s="170"/>
      <c r="D248" s="147"/>
      <c r="E248" s="156"/>
      <c r="F248" s="174"/>
      <c r="G248" s="174"/>
    </row>
    <row r="249" spans="1:7" x14ac:dyDescent="0.3">
      <c r="A249" s="156"/>
      <c r="B249" s="106"/>
      <c r="C249" s="170"/>
      <c r="D249" s="147"/>
      <c r="E249" s="156"/>
      <c r="F249" s="174"/>
      <c r="G249" s="174"/>
    </row>
    <row r="250" spans="1:7" x14ac:dyDescent="0.3">
      <c r="A250" s="156"/>
      <c r="B250" s="106"/>
      <c r="C250" s="156"/>
      <c r="D250" s="156"/>
      <c r="E250" s="156"/>
      <c r="F250" s="117"/>
      <c r="G250" s="117"/>
    </row>
    <row r="251" spans="1:7" x14ac:dyDescent="0.3">
      <c r="A251" s="156"/>
      <c r="B251" s="106"/>
      <c r="C251" s="156"/>
      <c r="D251" s="156"/>
      <c r="E251" s="156"/>
      <c r="F251" s="117"/>
      <c r="G251" s="117"/>
    </row>
    <row r="252" spans="1:7" x14ac:dyDescent="0.3">
      <c r="A252" s="156"/>
      <c r="B252" s="106"/>
      <c r="C252" s="156"/>
      <c r="D252" s="156"/>
      <c r="E252" s="156"/>
      <c r="F252" s="117"/>
      <c r="G252" s="117"/>
    </row>
    <row r="253" spans="1:7" x14ac:dyDescent="0.3">
      <c r="A253" s="103"/>
      <c r="B253" s="103"/>
      <c r="C253" s="103"/>
      <c r="D253" s="103"/>
      <c r="E253" s="103"/>
      <c r="F253" s="103"/>
      <c r="G253" s="103"/>
    </row>
    <row r="254" spans="1:7" x14ac:dyDescent="0.3">
      <c r="A254" s="156"/>
      <c r="B254" s="156"/>
      <c r="C254" s="173"/>
      <c r="D254" s="156"/>
      <c r="E254" s="114"/>
      <c r="F254" s="114"/>
      <c r="G254" s="114"/>
    </row>
    <row r="255" spans="1:7" x14ac:dyDescent="0.3">
      <c r="A255" s="156"/>
      <c r="B255" s="156"/>
      <c r="C255" s="173"/>
      <c r="D255" s="156"/>
      <c r="E255" s="114"/>
      <c r="F255" s="114"/>
      <c r="G255" s="128"/>
    </row>
    <row r="256" spans="1:7" x14ac:dyDescent="0.3">
      <c r="A256" s="156"/>
      <c r="B256" s="156"/>
      <c r="C256" s="173"/>
      <c r="D256" s="156"/>
      <c r="E256" s="114"/>
      <c r="F256" s="114"/>
      <c r="G256" s="128"/>
    </row>
    <row r="257" spans="1:7" x14ac:dyDescent="0.3">
      <c r="A257" s="156"/>
      <c r="B257" s="151"/>
      <c r="C257" s="173"/>
      <c r="D257" s="129"/>
      <c r="E257" s="129"/>
      <c r="F257" s="94"/>
      <c r="G257" s="94"/>
    </row>
    <row r="258" spans="1:7" x14ac:dyDescent="0.3">
      <c r="A258" s="156"/>
      <c r="B258" s="156"/>
      <c r="C258" s="173"/>
      <c r="D258" s="156"/>
      <c r="E258" s="114"/>
      <c r="F258" s="114"/>
      <c r="G258" s="128"/>
    </row>
    <row r="259" spans="1:7" x14ac:dyDescent="0.3">
      <c r="A259" s="156"/>
      <c r="B259" s="106"/>
      <c r="C259" s="173"/>
      <c r="D259" s="156"/>
      <c r="E259" s="114"/>
      <c r="F259" s="114"/>
      <c r="G259" s="128"/>
    </row>
    <row r="260" spans="1:7" x14ac:dyDescent="0.3">
      <c r="A260" s="156"/>
      <c r="B260" s="106"/>
      <c r="C260" s="192"/>
      <c r="D260" s="156"/>
      <c r="E260" s="114"/>
      <c r="F260" s="114"/>
      <c r="G260" s="128"/>
    </row>
    <row r="261" spans="1:7" x14ac:dyDescent="0.3">
      <c r="A261" s="156"/>
      <c r="B261" s="106"/>
      <c r="C261" s="173"/>
      <c r="D261" s="156"/>
      <c r="E261" s="114"/>
      <c r="F261" s="114"/>
      <c r="G261" s="128"/>
    </row>
    <row r="262" spans="1:7" x14ac:dyDescent="0.3">
      <c r="A262" s="156"/>
      <c r="B262" s="106"/>
      <c r="C262" s="173"/>
      <c r="D262" s="156"/>
      <c r="E262" s="114"/>
      <c r="F262" s="114"/>
      <c r="G262" s="128"/>
    </row>
    <row r="263" spans="1:7" x14ac:dyDescent="0.3">
      <c r="A263" s="156"/>
      <c r="B263" s="106"/>
      <c r="C263" s="173"/>
      <c r="D263" s="156"/>
      <c r="E263" s="114"/>
      <c r="F263" s="114"/>
      <c r="G263" s="128"/>
    </row>
    <row r="264" spans="1:7" x14ac:dyDescent="0.3">
      <c r="A264" s="156"/>
      <c r="B264" s="106"/>
      <c r="C264" s="173"/>
      <c r="D264" s="156"/>
      <c r="E264" s="114"/>
      <c r="F264" s="114"/>
      <c r="G264" s="128"/>
    </row>
    <row r="265" spans="1:7" x14ac:dyDescent="0.3">
      <c r="A265" s="156"/>
      <c r="B265" s="106"/>
      <c r="C265" s="173"/>
      <c r="D265" s="156"/>
      <c r="E265" s="114"/>
      <c r="F265" s="114"/>
      <c r="G265" s="128"/>
    </row>
    <row r="266" spans="1:7" x14ac:dyDescent="0.3">
      <c r="A266" s="156"/>
      <c r="B266" s="106"/>
      <c r="C266" s="173"/>
      <c r="D266" s="156"/>
      <c r="E266" s="114"/>
      <c r="F266" s="114"/>
      <c r="G266" s="128"/>
    </row>
    <row r="267" spans="1:7" x14ac:dyDescent="0.3">
      <c r="A267" s="156"/>
      <c r="B267" s="106"/>
      <c r="C267" s="173"/>
      <c r="D267" s="156"/>
      <c r="E267" s="114"/>
      <c r="F267" s="114"/>
      <c r="G267" s="128"/>
    </row>
    <row r="268" spans="1:7" x14ac:dyDescent="0.3">
      <c r="A268" s="156"/>
      <c r="B268" s="106"/>
      <c r="C268" s="173"/>
      <c r="D268" s="156"/>
      <c r="E268" s="114"/>
      <c r="F268" s="114"/>
      <c r="G268" s="128"/>
    </row>
    <row r="269" spans="1:7" x14ac:dyDescent="0.3">
      <c r="A269" s="156"/>
      <c r="B269" s="106"/>
      <c r="C269" s="173"/>
      <c r="D269" s="156"/>
      <c r="E269" s="114"/>
      <c r="F269" s="114"/>
      <c r="G269" s="128"/>
    </row>
    <row r="270" spans="1:7" x14ac:dyDescent="0.3">
      <c r="A270" s="103"/>
      <c r="B270" s="103"/>
      <c r="C270" s="103"/>
      <c r="D270" s="103"/>
      <c r="E270" s="103"/>
      <c r="F270" s="103"/>
      <c r="G270" s="103"/>
    </row>
    <row r="271" spans="1:7" x14ac:dyDescent="0.3">
      <c r="A271" s="156"/>
      <c r="B271" s="156"/>
      <c r="C271" s="173"/>
      <c r="D271" s="156"/>
      <c r="E271" s="128"/>
      <c r="F271" s="128"/>
      <c r="G271" s="128"/>
    </row>
    <row r="272" spans="1:7" x14ac:dyDescent="0.3">
      <c r="A272" s="156"/>
      <c r="B272" s="156"/>
      <c r="C272" s="173"/>
      <c r="D272" s="156"/>
      <c r="E272" s="128"/>
      <c r="F272" s="128"/>
      <c r="G272" s="128"/>
    </row>
    <row r="273" spans="1:7" x14ac:dyDescent="0.3">
      <c r="A273" s="156"/>
      <c r="B273" s="156"/>
      <c r="C273" s="173"/>
      <c r="D273" s="156"/>
      <c r="E273" s="128"/>
      <c r="F273" s="128"/>
      <c r="G273" s="128"/>
    </row>
    <row r="274" spans="1:7" x14ac:dyDescent="0.3">
      <c r="A274" s="156"/>
      <c r="B274" s="156"/>
      <c r="C274" s="173"/>
      <c r="D274" s="156"/>
      <c r="E274" s="128"/>
      <c r="F274" s="128"/>
      <c r="G274" s="128"/>
    </row>
    <row r="275" spans="1:7" x14ac:dyDescent="0.3">
      <c r="A275" s="156"/>
      <c r="B275" s="156"/>
      <c r="C275" s="173"/>
      <c r="D275" s="156"/>
      <c r="E275" s="128"/>
      <c r="F275" s="128"/>
      <c r="G275" s="128"/>
    </row>
    <row r="276" spans="1:7" x14ac:dyDescent="0.3">
      <c r="A276" s="156"/>
      <c r="B276" s="156"/>
      <c r="C276" s="173"/>
      <c r="D276" s="156"/>
      <c r="E276" s="128"/>
      <c r="F276" s="128"/>
      <c r="G276" s="128"/>
    </row>
    <row r="277" spans="1:7" x14ac:dyDescent="0.3">
      <c r="A277" s="103"/>
      <c r="B277" s="103"/>
      <c r="C277" s="103"/>
      <c r="D277" s="103"/>
      <c r="E277" s="103"/>
      <c r="F277" s="103"/>
      <c r="G277" s="103"/>
    </row>
    <row r="278" spans="1:7" x14ac:dyDescent="0.3">
      <c r="A278" s="156"/>
      <c r="B278" s="151"/>
      <c r="C278" s="156"/>
      <c r="D278" s="156"/>
      <c r="E278" s="145"/>
      <c r="F278" s="145"/>
      <c r="G278" s="145"/>
    </row>
    <row r="279" spans="1:7" x14ac:dyDescent="0.3">
      <c r="A279" s="156"/>
      <c r="B279" s="151"/>
      <c r="C279" s="156"/>
      <c r="D279" s="156"/>
      <c r="E279" s="145"/>
      <c r="F279" s="145"/>
      <c r="G279" s="145"/>
    </row>
    <row r="280" spans="1:7" x14ac:dyDescent="0.3">
      <c r="A280" s="156"/>
      <c r="B280" s="151"/>
      <c r="C280" s="156"/>
      <c r="D280" s="156"/>
      <c r="E280" s="145"/>
      <c r="F280" s="145"/>
      <c r="G280" s="145"/>
    </row>
    <row r="281" spans="1:7" x14ac:dyDescent="0.3">
      <c r="A281" s="156"/>
      <c r="B281" s="151"/>
      <c r="C281" s="156"/>
      <c r="D281" s="156"/>
      <c r="E281" s="145"/>
      <c r="F281" s="145"/>
      <c r="G281" s="145"/>
    </row>
    <row r="282" spans="1:7" x14ac:dyDescent="0.3">
      <c r="A282" s="156"/>
      <c r="B282" s="151"/>
      <c r="C282" s="156"/>
      <c r="D282" s="156"/>
      <c r="E282" s="145"/>
      <c r="F282" s="145"/>
      <c r="G282" s="145"/>
    </row>
    <row r="283" spans="1:7" x14ac:dyDescent="0.3">
      <c r="A283" s="156"/>
      <c r="B283" s="151"/>
      <c r="C283" s="156"/>
      <c r="D283" s="156"/>
      <c r="E283" s="145"/>
      <c r="F283" s="145"/>
      <c r="G283" s="145"/>
    </row>
    <row r="284" spans="1:7" x14ac:dyDescent="0.3">
      <c r="A284" s="156"/>
      <c r="B284" s="151"/>
      <c r="C284" s="156"/>
      <c r="D284" s="156"/>
      <c r="E284" s="145"/>
      <c r="F284" s="145"/>
      <c r="G284" s="145"/>
    </row>
    <row r="285" spans="1:7" x14ac:dyDescent="0.3">
      <c r="A285" s="156"/>
      <c r="B285" s="151"/>
      <c r="C285" s="156"/>
      <c r="D285" s="156"/>
      <c r="E285" s="145"/>
      <c r="F285" s="145"/>
      <c r="G285" s="145"/>
    </row>
    <row r="286" spans="1:7" x14ac:dyDescent="0.3">
      <c r="A286" s="156"/>
      <c r="B286" s="151"/>
      <c r="C286" s="156"/>
      <c r="D286" s="156"/>
      <c r="E286" s="145"/>
      <c r="F286" s="145"/>
      <c r="G286" s="145"/>
    </row>
    <row r="287" spans="1:7" x14ac:dyDescent="0.3">
      <c r="A287" s="156"/>
      <c r="B287" s="151"/>
      <c r="C287" s="156"/>
      <c r="D287" s="156"/>
      <c r="E287" s="145"/>
      <c r="F287" s="145"/>
      <c r="G287" s="145"/>
    </row>
    <row r="288" spans="1:7" x14ac:dyDescent="0.3">
      <c r="A288" s="156"/>
      <c r="B288" s="151"/>
      <c r="C288" s="156"/>
      <c r="D288" s="156"/>
      <c r="E288" s="145"/>
      <c r="F288" s="145"/>
      <c r="G288" s="145"/>
    </row>
    <row r="289" spans="1:7" x14ac:dyDescent="0.3">
      <c r="A289" s="156"/>
      <c r="B289" s="151"/>
      <c r="C289" s="156"/>
      <c r="D289" s="156"/>
      <c r="E289" s="145"/>
      <c r="F289" s="145"/>
      <c r="G289" s="145"/>
    </row>
    <row r="290" spans="1:7" x14ac:dyDescent="0.3">
      <c r="A290" s="156"/>
      <c r="B290" s="151"/>
      <c r="C290" s="156"/>
      <c r="D290" s="156"/>
      <c r="E290" s="145"/>
      <c r="F290" s="145"/>
      <c r="G290" s="145"/>
    </row>
    <row r="291" spans="1:7" x14ac:dyDescent="0.3">
      <c r="A291" s="156"/>
      <c r="B291" s="151"/>
      <c r="C291" s="156"/>
      <c r="D291" s="156"/>
      <c r="E291" s="145"/>
      <c r="F291" s="145"/>
      <c r="G291" s="145"/>
    </row>
    <row r="292" spans="1:7" x14ac:dyDescent="0.3">
      <c r="A292" s="156"/>
      <c r="B292" s="151"/>
      <c r="C292" s="156"/>
      <c r="D292" s="156"/>
      <c r="E292" s="145"/>
      <c r="F292" s="145"/>
      <c r="G292" s="145"/>
    </row>
    <row r="293" spans="1:7" x14ac:dyDescent="0.3">
      <c r="A293" s="156"/>
      <c r="B293" s="151"/>
      <c r="C293" s="156"/>
      <c r="D293" s="156"/>
      <c r="E293" s="145"/>
      <c r="F293" s="145"/>
      <c r="G293" s="145"/>
    </row>
    <row r="294" spans="1:7" x14ac:dyDescent="0.3">
      <c r="A294" s="156"/>
      <c r="B294" s="151"/>
      <c r="C294" s="156"/>
      <c r="D294" s="156"/>
      <c r="E294" s="145"/>
      <c r="F294" s="145"/>
      <c r="G294" s="145"/>
    </row>
    <row r="295" spans="1:7" x14ac:dyDescent="0.3">
      <c r="A295" s="156"/>
      <c r="B295" s="151"/>
      <c r="C295" s="156"/>
      <c r="D295" s="156"/>
      <c r="E295" s="145"/>
      <c r="F295" s="145"/>
      <c r="G295" s="145"/>
    </row>
    <row r="296" spans="1:7" x14ac:dyDescent="0.3">
      <c r="A296" s="156"/>
      <c r="B296" s="151"/>
      <c r="C296" s="156"/>
      <c r="D296" s="156"/>
      <c r="E296" s="145"/>
      <c r="F296" s="145"/>
      <c r="G296" s="145"/>
    </row>
    <row r="297" spans="1:7" x14ac:dyDescent="0.3">
      <c r="A297" s="156"/>
      <c r="B297" s="151"/>
      <c r="C297" s="156"/>
      <c r="D297" s="156"/>
      <c r="E297" s="145"/>
      <c r="F297" s="145"/>
      <c r="G297" s="145"/>
    </row>
    <row r="298" spans="1:7" x14ac:dyDescent="0.3">
      <c r="A298" s="156"/>
      <c r="B298" s="151"/>
      <c r="C298" s="156"/>
      <c r="D298" s="156"/>
      <c r="E298" s="145"/>
      <c r="F298" s="145"/>
      <c r="G298" s="145"/>
    </row>
    <row r="299" spans="1:7" x14ac:dyDescent="0.3">
      <c r="A299" s="156"/>
      <c r="B299" s="151"/>
      <c r="C299" s="156"/>
      <c r="D299" s="156"/>
      <c r="E299" s="145"/>
      <c r="F299" s="145"/>
      <c r="G299" s="145"/>
    </row>
    <row r="300" spans="1:7" x14ac:dyDescent="0.3">
      <c r="A300" s="103"/>
      <c r="B300" s="103"/>
      <c r="C300" s="103"/>
      <c r="D300" s="103"/>
      <c r="E300" s="103"/>
      <c r="F300" s="103"/>
      <c r="G300" s="103"/>
    </row>
    <row r="301" spans="1:7" x14ac:dyDescent="0.3">
      <c r="A301" s="156"/>
      <c r="B301" s="151"/>
      <c r="C301" s="156"/>
      <c r="D301" s="156"/>
      <c r="E301" s="145"/>
      <c r="F301" s="145"/>
      <c r="G301" s="145"/>
    </row>
    <row r="302" spans="1:7" x14ac:dyDescent="0.3">
      <c r="A302" s="156"/>
      <c r="B302" s="151"/>
      <c r="C302" s="156"/>
      <c r="D302" s="156"/>
      <c r="E302" s="145"/>
      <c r="F302" s="145"/>
      <c r="G302" s="145"/>
    </row>
    <row r="303" spans="1:7" x14ac:dyDescent="0.3">
      <c r="A303" s="156"/>
      <c r="B303" s="151"/>
      <c r="C303" s="156"/>
      <c r="D303" s="156"/>
      <c r="E303" s="145"/>
      <c r="F303" s="145"/>
      <c r="G303" s="145"/>
    </row>
    <row r="304" spans="1:7" x14ac:dyDescent="0.3">
      <c r="A304" s="156"/>
      <c r="B304" s="151"/>
      <c r="C304" s="156"/>
      <c r="D304" s="156"/>
      <c r="E304" s="145"/>
      <c r="F304" s="145"/>
      <c r="G304" s="145"/>
    </row>
    <row r="305" spans="1:7" x14ac:dyDescent="0.3">
      <c r="A305" s="156"/>
      <c r="B305" s="151"/>
      <c r="C305" s="156"/>
      <c r="D305" s="156"/>
      <c r="E305" s="145"/>
      <c r="F305" s="145"/>
      <c r="G305" s="145"/>
    </row>
    <row r="306" spans="1:7" x14ac:dyDescent="0.3">
      <c r="A306" s="156"/>
      <c r="B306" s="151"/>
      <c r="C306" s="156"/>
      <c r="D306" s="156"/>
      <c r="E306" s="145"/>
      <c r="F306" s="145"/>
      <c r="G306" s="145"/>
    </row>
    <row r="307" spans="1:7" x14ac:dyDescent="0.3">
      <c r="A307" s="156"/>
      <c r="B307" s="151"/>
      <c r="C307" s="156"/>
      <c r="D307" s="156"/>
      <c r="E307" s="145"/>
      <c r="F307" s="145"/>
      <c r="G307" s="145"/>
    </row>
    <row r="308" spans="1:7" x14ac:dyDescent="0.3">
      <c r="A308" s="156"/>
      <c r="B308" s="151"/>
      <c r="C308" s="156"/>
      <c r="D308" s="156"/>
      <c r="E308" s="145"/>
      <c r="F308" s="145"/>
      <c r="G308" s="145"/>
    </row>
    <row r="309" spans="1:7" x14ac:dyDescent="0.3">
      <c r="A309" s="156"/>
      <c r="B309" s="151"/>
      <c r="C309" s="156"/>
      <c r="D309" s="156"/>
      <c r="E309" s="145"/>
      <c r="F309" s="145"/>
      <c r="G309" s="145"/>
    </row>
    <row r="310" spans="1:7" x14ac:dyDescent="0.3">
      <c r="A310" s="156"/>
      <c r="B310" s="151"/>
      <c r="C310" s="156"/>
      <c r="D310" s="156"/>
      <c r="E310" s="145"/>
      <c r="F310" s="145"/>
      <c r="G310" s="145"/>
    </row>
    <row r="311" spans="1:7" x14ac:dyDescent="0.3">
      <c r="A311" s="156"/>
      <c r="B311" s="151"/>
      <c r="C311" s="156"/>
      <c r="D311" s="156"/>
      <c r="E311" s="145"/>
      <c r="F311" s="145"/>
      <c r="G311" s="145"/>
    </row>
    <row r="312" spans="1:7" x14ac:dyDescent="0.3">
      <c r="A312" s="156"/>
      <c r="B312" s="151"/>
      <c r="C312" s="156"/>
      <c r="D312" s="156"/>
      <c r="E312" s="145"/>
      <c r="F312" s="145"/>
      <c r="G312" s="145"/>
    </row>
    <row r="313" spans="1:7" x14ac:dyDescent="0.3">
      <c r="A313" s="156"/>
      <c r="B313" s="151"/>
      <c r="C313" s="156"/>
      <c r="D313" s="156"/>
      <c r="E313" s="145"/>
      <c r="F313" s="145"/>
      <c r="G313" s="145"/>
    </row>
    <row r="314" spans="1:7" x14ac:dyDescent="0.3">
      <c r="A314" s="103"/>
      <c r="B314" s="103"/>
      <c r="C314" s="103"/>
      <c r="D314" s="103"/>
      <c r="E314" s="103"/>
      <c r="F314" s="103"/>
      <c r="G314" s="103"/>
    </row>
    <row r="315" spans="1:7" x14ac:dyDescent="0.3">
      <c r="A315" s="156"/>
      <c r="B315" s="151"/>
      <c r="C315" s="156"/>
      <c r="D315" s="156"/>
      <c r="E315" s="145"/>
      <c r="F315" s="145"/>
      <c r="G315" s="145"/>
    </row>
    <row r="316" spans="1:7" x14ac:dyDescent="0.3">
      <c r="A316" s="156"/>
      <c r="B316" s="146"/>
      <c r="C316" s="156"/>
      <c r="D316" s="156"/>
      <c r="E316" s="145"/>
      <c r="F316" s="145"/>
      <c r="G316" s="145"/>
    </row>
    <row r="317" spans="1:7" x14ac:dyDescent="0.3">
      <c r="A317" s="156"/>
      <c r="B317" s="151"/>
      <c r="C317" s="156"/>
      <c r="D317" s="156"/>
      <c r="E317" s="145"/>
      <c r="F317" s="145"/>
      <c r="G317" s="145"/>
    </row>
    <row r="318" spans="1:7" x14ac:dyDescent="0.3">
      <c r="A318" s="156"/>
      <c r="B318" s="151"/>
      <c r="C318" s="156"/>
      <c r="D318" s="156"/>
      <c r="E318" s="145"/>
      <c r="F318" s="145"/>
      <c r="G318" s="145"/>
    </row>
    <row r="319" spans="1:7" x14ac:dyDescent="0.3">
      <c r="A319" s="156"/>
      <c r="B319" s="151"/>
      <c r="C319" s="156"/>
      <c r="D319" s="156"/>
      <c r="E319" s="145"/>
      <c r="F319" s="145"/>
      <c r="G319" s="145"/>
    </row>
    <row r="320" spans="1:7" x14ac:dyDescent="0.3">
      <c r="A320" s="156"/>
      <c r="B320" s="151"/>
      <c r="C320" s="156"/>
      <c r="D320" s="156"/>
      <c r="E320" s="145"/>
      <c r="F320" s="145"/>
      <c r="G320" s="145"/>
    </row>
    <row r="321" spans="1:7" x14ac:dyDescent="0.3">
      <c r="A321" s="156"/>
      <c r="B321" s="151"/>
      <c r="C321" s="156"/>
      <c r="D321" s="156"/>
      <c r="E321" s="145"/>
      <c r="F321" s="145"/>
      <c r="G321" s="145"/>
    </row>
    <row r="322" spans="1:7" x14ac:dyDescent="0.3">
      <c r="A322" s="156"/>
      <c r="B322" s="151"/>
      <c r="C322" s="156"/>
      <c r="D322" s="156"/>
      <c r="E322" s="145"/>
      <c r="F322" s="145"/>
      <c r="G322" s="145"/>
    </row>
    <row r="323" spans="1:7" x14ac:dyDescent="0.3">
      <c r="A323" s="156"/>
      <c r="B323" s="151"/>
      <c r="C323" s="156"/>
      <c r="D323" s="156"/>
      <c r="E323" s="145"/>
      <c r="F323" s="145"/>
      <c r="G323" s="145"/>
    </row>
    <row r="324" spans="1:7" x14ac:dyDescent="0.3">
      <c r="A324" s="103"/>
      <c r="B324" s="103"/>
      <c r="C324" s="103"/>
      <c r="D324" s="103"/>
      <c r="E324" s="103"/>
      <c r="F324" s="103"/>
      <c r="G324" s="103"/>
    </row>
    <row r="325" spans="1:7" x14ac:dyDescent="0.3">
      <c r="A325" s="156"/>
      <c r="B325" s="151"/>
      <c r="C325" s="156"/>
      <c r="D325" s="156"/>
      <c r="E325" s="145"/>
      <c r="F325" s="145"/>
      <c r="G325" s="145"/>
    </row>
    <row r="326" spans="1:7" x14ac:dyDescent="0.3">
      <c r="A326" s="156"/>
      <c r="B326" s="146"/>
      <c r="C326" s="156"/>
      <c r="D326" s="156"/>
      <c r="E326" s="145"/>
      <c r="F326" s="145"/>
      <c r="G326" s="145"/>
    </row>
    <row r="327" spans="1:7" x14ac:dyDescent="0.3">
      <c r="A327" s="156"/>
      <c r="B327" s="151"/>
      <c r="C327" s="156"/>
      <c r="D327" s="156"/>
      <c r="E327" s="145"/>
      <c r="F327" s="145"/>
      <c r="G327" s="145"/>
    </row>
    <row r="328" spans="1:7" x14ac:dyDescent="0.3">
      <c r="A328" s="156"/>
      <c r="B328" s="156"/>
      <c r="C328" s="156"/>
      <c r="D328" s="156"/>
      <c r="E328" s="145"/>
      <c r="F328" s="145"/>
      <c r="G328" s="145"/>
    </row>
    <row r="329" spans="1:7" x14ac:dyDescent="0.3">
      <c r="A329" s="156"/>
      <c r="B329" s="151"/>
      <c r="C329" s="156"/>
      <c r="D329" s="156"/>
      <c r="E329" s="145"/>
      <c r="F329" s="145"/>
      <c r="G329" s="145"/>
    </row>
    <row r="330" spans="1:7" x14ac:dyDescent="0.3">
      <c r="A330" s="156"/>
      <c r="B330" s="156"/>
      <c r="C330" s="173"/>
      <c r="D330" s="156"/>
      <c r="E330" s="128"/>
      <c r="F330" s="128"/>
      <c r="G330" s="128"/>
    </row>
    <row r="331" spans="1:7" x14ac:dyDescent="0.3">
      <c r="A331" s="156"/>
      <c r="B331" s="156"/>
      <c r="C331" s="173"/>
      <c r="D331" s="156"/>
      <c r="E331" s="128"/>
      <c r="F331" s="128"/>
      <c r="G331" s="128"/>
    </row>
    <row r="332" spans="1:7" x14ac:dyDescent="0.3">
      <c r="A332" s="156"/>
      <c r="B332" s="156"/>
      <c r="C332" s="173"/>
      <c r="D332" s="156"/>
      <c r="E332" s="128"/>
      <c r="F332" s="128"/>
      <c r="G332" s="128"/>
    </row>
    <row r="333" spans="1:7" x14ac:dyDescent="0.3">
      <c r="A333" s="156"/>
      <c r="B333" s="156"/>
      <c r="C333" s="173"/>
      <c r="D333" s="156"/>
      <c r="E333" s="128"/>
      <c r="F333" s="128"/>
      <c r="G333" s="128"/>
    </row>
    <row r="334" spans="1:7" x14ac:dyDescent="0.3">
      <c r="A334" s="156"/>
      <c r="B334" s="156"/>
      <c r="C334" s="173"/>
      <c r="D334" s="156"/>
      <c r="E334" s="128"/>
      <c r="F334" s="128"/>
      <c r="G334" s="128"/>
    </row>
    <row r="335" spans="1:7" x14ac:dyDescent="0.3">
      <c r="A335" s="156"/>
      <c r="B335" s="156"/>
      <c r="C335" s="173"/>
      <c r="D335" s="156"/>
      <c r="E335" s="128"/>
      <c r="F335" s="128"/>
      <c r="G335" s="128"/>
    </row>
    <row r="336" spans="1:7" x14ac:dyDescent="0.3">
      <c r="A336" s="156"/>
      <c r="B336" s="156"/>
      <c r="C336" s="173"/>
      <c r="D336" s="156"/>
      <c r="E336" s="128"/>
      <c r="F336" s="128"/>
      <c r="G336" s="128"/>
    </row>
    <row r="337" spans="1:7" x14ac:dyDescent="0.3">
      <c r="A337" s="156"/>
      <c r="B337" s="156"/>
      <c r="C337" s="173"/>
      <c r="D337" s="156"/>
      <c r="E337" s="128"/>
      <c r="F337" s="128"/>
      <c r="G337" s="128"/>
    </row>
    <row r="338" spans="1:7" x14ac:dyDescent="0.3">
      <c r="A338" s="156"/>
      <c r="B338" s="156"/>
      <c r="C338" s="173"/>
      <c r="D338" s="156"/>
      <c r="E338" s="128"/>
      <c r="F338" s="128"/>
      <c r="G338" s="128"/>
    </row>
    <row r="339" spans="1:7" x14ac:dyDescent="0.3">
      <c r="A339" s="156"/>
      <c r="B339" s="156"/>
      <c r="C339" s="173"/>
      <c r="D339" s="156"/>
      <c r="E339" s="128"/>
      <c r="F339" s="128"/>
      <c r="G339" s="128"/>
    </row>
    <row r="340" spans="1:7" x14ac:dyDescent="0.3">
      <c r="A340" s="156"/>
      <c r="B340" s="156"/>
      <c r="C340" s="173"/>
      <c r="D340" s="156"/>
      <c r="E340" s="128"/>
      <c r="F340" s="128"/>
      <c r="G340" s="128"/>
    </row>
    <row r="341" spans="1:7" x14ac:dyDescent="0.3">
      <c r="A341" s="156"/>
      <c r="B341" s="156"/>
      <c r="C341" s="173"/>
      <c r="D341" s="156"/>
      <c r="E341" s="128"/>
      <c r="F341" s="128"/>
      <c r="G341" s="128"/>
    </row>
    <row r="342" spans="1:7" x14ac:dyDescent="0.3">
      <c r="A342" s="156"/>
      <c r="B342" s="156"/>
      <c r="C342" s="173"/>
      <c r="D342" s="156"/>
      <c r="E342" s="128"/>
      <c r="F342" s="128"/>
      <c r="G342" s="128"/>
    </row>
    <row r="343" spans="1:7" x14ac:dyDescent="0.3">
      <c r="A343" s="156"/>
      <c r="B343" s="156"/>
      <c r="C343" s="173"/>
      <c r="D343" s="156"/>
      <c r="E343" s="128"/>
      <c r="F343" s="128"/>
      <c r="G343" s="128"/>
    </row>
    <row r="344" spans="1:7" x14ac:dyDescent="0.3">
      <c r="A344" s="156"/>
      <c r="B344" s="156"/>
      <c r="C344" s="173"/>
      <c r="D344" s="156"/>
      <c r="E344" s="128"/>
      <c r="F344" s="128"/>
      <c r="G344" s="128"/>
    </row>
    <row r="345" spans="1:7" x14ac:dyDescent="0.3">
      <c r="A345" s="156"/>
      <c r="B345" s="156"/>
      <c r="C345" s="173"/>
      <c r="D345" s="156"/>
      <c r="E345" s="128"/>
      <c r="F345" s="128"/>
      <c r="G345" s="128"/>
    </row>
    <row r="346" spans="1:7" x14ac:dyDescent="0.3">
      <c r="A346" s="156"/>
      <c r="B346" s="156"/>
      <c r="C346" s="173"/>
      <c r="D346" s="156"/>
      <c r="E346" s="128"/>
      <c r="F346" s="128"/>
      <c r="G346" s="128"/>
    </row>
    <row r="347" spans="1:7" x14ac:dyDescent="0.3">
      <c r="A347" s="156"/>
      <c r="B347" s="156"/>
      <c r="C347" s="173"/>
      <c r="D347" s="156"/>
      <c r="E347" s="128"/>
      <c r="F347" s="128"/>
      <c r="G347" s="128"/>
    </row>
    <row r="348" spans="1:7" x14ac:dyDescent="0.3">
      <c r="A348" s="156"/>
      <c r="B348" s="156"/>
      <c r="C348" s="173"/>
      <c r="D348" s="156"/>
      <c r="E348" s="128"/>
      <c r="F348" s="128"/>
      <c r="G348" s="128"/>
    </row>
    <row r="349" spans="1:7" x14ac:dyDescent="0.3">
      <c r="A349" s="156"/>
      <c r="B349" s="156"/>
      <c r="C349" s="173"/>
      <c r="D349" s="156"/>
      <c r="E349" s="128"/>
      <c r="F349" s="128"/>
      <c r="G349" s="128"/>
    </row>
    <row r="350" spans="1:7" x14ac:dyDescent="0.3">
      <c r="A350" s="156"/>
      <c r="B350" s="156"/>
      <c r="C350" s="173"/>
      <c r="D350" s="156"/>
      <c r="E350" s="128"/>
      <c r="F350" s="128"/>
      <c r="G350" s="128"/>
    </row>
    <row r="351" spans="1:7" x14ac:dyDescent="0.3">
      <c r="A351" s="156"/>
      <c r="B351" s="156"/>
      <c r="C351" s="173"/>
      <c r="D351" s="156"/>
      <c r="E351" s="128"/>
      <c r="F351" s="128"/>
      <c r="G351" s="128"/>
    </row>
    <row r="352" spans="1:7" x14ac:dyDescent="0.3">
      <c r="A352" s="156"/>
      <c r="B352" s="156"/>
      <c r="C352" s="173"/>
      <c r="D352" s="156"/>
      <c r="E352" s="128"/>
      <c r="F352" s="128"/>
      <c r="G352" s="128"/>
    </row>
    <row r="353" spans="1:7" x14ac:dyDescent="0.3">
      <c r="A353" s="156"/>
      <c r="B353" s="156"/>
      <c r="C353" s="173"/>
      <c r="D353" s="156"/>
      <c r="E353" s="128"/>
      <c r="F353" s="128"/>
      <c r="G353" s="128"/>
    </row>
    <row r="354" spans="1:7" x14ac:dyDescent="0.3">
      <c r="A354" s="156"/>
      <c r="B354" s="156"/>
      <c r="C354" s="173"/>
      <c r="D354" s="156"/>
      <c r="E354" s="128"/>
      <c r="F354" s="128"/>
      <c r="G354" s="128"/>
    </row>
    <row r="355" spans="1:7" x14ac:dyDescent="0.3">
      <c r="A355" s="156"/>
      <c r="B355" s="156"/>
      <c r="C355" s="173"/>
      <c r="D355" s="156"/>
      <c r="E355" s="128"/>
      <c r="F355" s="128"/>
      <c r="G355" s="128"/>
    </row>
    <row r="356" spans="1:7" x14ac:dyDescent="0.3">
      <c r="A356" s="156"/>
      <c r="B356" s="156"/>
      <c r="C356" s="173"/>
      <c r="D356" s="156"/>
      <c r="E356" s="128"/>
      <c r="F356" s="128"/>
      <c r="G356" s="128"/>
    </row>
    <row r="357" spans="1:7" x14ac:dyDescent="0.3">
      <c r="A357" s="156"/>
      <c r="B357" s="156"/>
      <c r="C357" s="173"/>
      <c r="D357" s="156"/>
      <c r="E357" s="128"/>
      <c r="F357" s="128"/>
      <c r="G357" s="128"/>
    </row>
    <row r="358" spans="1:7" x14ac:dyDescent="0.3">
      <c r="A358" s="156"/>
      <c r="B358" s="156"/>
      <c r="C358" s="173"/>
      <c r="D358" s="156"/>
      <c r="E358" s="128"/>
      <c r="F358" s="128"/>
      <c r="G358" s="128"/>
    </row>
    <row r="359" spans="1:7" x14ac:dyDescent="0.3">
      <c r="A359" s="156"/>
      <c r="B359" s="156"/>
      <c r="C359" s="173"/>
      <c r="D359" s="156"/>
      <c r="E359" s="128"/>
      <c r="F359" s="128"/>
      <c r="G359" s="128"/>
    </row>
    <row r="360" spans="1:7" x14ac:dyDescent="0.3">
      <c r="A360" s="156"/>
      <c r="B360" s="156"/>
      <c r="C360" s="173"/>
      <c r="D360" s="156"/>
      <c r="E360" s="128"/>
      <c r="F360" s="128"/>
      <c r="G360" s="128"/>
    </row>
    <row r="361" spans="1:7" x14ac:dyDescent="0.3">
      <c r="A361" s="156"/>
      <c r="B361" s="156"/>
      <c r="C361" s="173"/>
      <c r="D361" s="156"/>
      <c r="E361" s="128"/>
      <c r="F361" s="128"/>
      <c r="G361" s="128"/>
    </row>
    <row r="362" spans="1:7" x14ac:dyDescent="0.3">
      <c r="A362" s="156"/>
      <c r="B362" s="156"/>
      <c r="C362" s="173"/>
      <c r="D362" s="156"/>
      <c r="E362" s="128"/>
      <c r="F362" s="128"/>
      <c r="G362" s="128"/>
    </row>
    <row r="363" spans="1:7" x14ac:dyDescent="0.3">
      <c r="A363" s="156"/>
      <c r="B363" s="156"/>
      <c r="C363" s="173"/>
      <c r="D363" s="156"/>
      <c r="E363" s="128"/>
      <c r="F363" s="128"/>
      <c r="G363" s="128"/>
    </row>
    <row r="364" spans="1:7" x14ac:dyDescent="0.3">
      <c r="A364" s="156"/>
      <c r="B364" s="156"/>
      <c r="C364" s="173"/>
      <c r="D364" s="156"/>
      <c r="E364" s="128"/>
      <c r="F364" s="128"/>
      <c r="G364" s="128"/>
    </row>
    <row r="365" spans="1:7" x14ac:dyDescent="0.3">
      <c r="A365" s="156"/>
      <c r="B365" s="156"/>
      <c r="C365" s="173"/>
      <c r="D365" s="156"/>
      <c r="E365" s="128"/>
      <c r="F365" s="128"/>
      <c r="G365" s="128"/>
    </row>
    <row r="366" spans="1:7" x14ac:dyDescent="0.3">
      <c r="A366" s="156"/>
      <c r="B366" s="156"/>
      <c r="C366" s="173"/>
      <c r="D366" s="156"/>
      <c r="E366" s="128"/>
      <c r="F366" s="128"/>
      <c r="G366" s="128"/>
    </row>
    <row r="367" spans="1:7" x14ac:dyDescent="0.3">
      <c r="A367" s="156"/>
      <c r="B367" s="156"/>
      <c r="C367" s="173"/>
      <c r="D367" s="156"/>
      <c r="E367" s="128"/>
      <c r="F367" s="128"/>
      <c r="G367" s="128"/>
    </row>
    <row r="368" spans="1:7" x14ac:dyDescent="0.3">
      <c r="A368" s="156"/>
      <c r="B368" s="156"/>
      <c r="C368" s="173"/>
      <c r="D368" s="156"/>
      <c r="E368" s="128"/>
      <c r="F368" s="128"/>
      <c r="G368" s="128"/>
    </row>
    <row r="369" spans="1:7" x14ac:dyDescent="0.3">
      <c r="A369" s="156"/>
      <c r="B369" s="156"/>
      <c r="C369" s="173"/>
      <c r="D369" s="156"/>
      <c r="E369" s="128"/>
      <c r="F369" s="128"/>
      <c r="G369" s="128"/>
    </row>
    <row r="370" spans="1:7" x14ac:dyDescent="0.3">
      <c r="A370" s="156"/>
      <c r="B370" s="156"/>
      <c r="C370" s="173"/>
      <c r="D370" s="156"/>
      <c r="E370" s="128"/>
      <c r="F370" s="128"/>
      <c r="G370" s="128"/>
    </row>
    <row r="371" spans="1:7" x14ac:dyDescent="0.3">
      <c r="A371" s="156"/>
      <c r="B371" s="156"/>
      <c r="C371" s="173"/>
      <c r="D371" s="156"/>
      <c r="E371" s="128"/>
      <c r="F371" s="128"/>
      <c r="G371" s="128"/>
    </row>
    <row r="372" spans="1:7" x14ac:dyDescent="0.3">
      <c r="A372" s="156"/>
      <c r="B372" s="156"/>
      <c r="C372" s="173"/>
      <c r="D372" s="156"/>
      <c r="E372" s="128"/>
      <c r="F372" s="128"/>
      <c r="G372" s="128"/>
    </row>
    <row r="373" spans="1:7" x14ac:dyDescent="0.3">
      <c r="A373" s="156"/>
      <c r="B373" s="156"/>
      <c r="C373" s="173"/>
      <c r="D373" s="156"/>
      <c r="E373" s="128"/>
      <c r="F373" s="128"/>
      <c r="G373" s="128"/>
    </row>
    <row r="374" spans="1:7" x14ac:dyDescent="0.3">
      <c r="A374" s="156"/>
      <c r="B374" s="156"/>
      <c r="C374" s="173"/>
      <c r="D374" s="156"/>
      <c r="E374" s="128"/>
      <c r="F374" s="128"/>
      <c r="G374" s="128"/>
    </row>
    <row r="375" spans="1:7" x14ac:dyDescent="0.3">
      <c r="A375" s="156"/>
      <c r="B375" s="156"/>
      <c r="C375" s="173"/>
      <c r="D375" s="156"/>
      <c r="E375" s="128"/>
      <c r="F375" s="128"/>
      <c r="G375" s="128"/>
    </row>
    <row r="376" spans="1:7" x14ac:dyDescent="0.3">
      <c r="A376" s="156"/>
      <c r="B376" s="156"/>
      <c r="C376" s="173"/>
      <c r="D376" s="156"/>
      <c r="E376" s="128"/>
      <c r="F376" s="128"/>
      <c r="G376" s="128"/>
    </row>
    <row r="377" spans="1:7" x14ac:dyDescent="0.3">
      <c r="A377" s="156"/>
      <c r="B377" s="156"/>
      <c r="C377" s="173"/>
      <c r="D377" s="156"/>
      <c r="E377" s="128"/>
      <c r="F377" s="128"/>
      <c r="G377" s="128"/>
    </row>
    <row r="378" spans="1:7" x14ac:dyDescent="0.3">
      <c r="A378" s="156"/>
      <c r="B378" s="156"/>
      <c r="C378" s="173"/>
      <c r="D378" s="156"/>
      <c r="E378" s="128"/>
      <c r="F378" s="128"/>
      <c r="G378" s="128"/>
    </row>
    <row r="379" spans="1:7" x14ac:dyDescent="0.3">
      <c r="A379" s="156"/>
      <c r="B379" s="156"/>
      <c r="C379" s="173"/>
      <c r="D379" s="156"/>
      <c r="E379" s="128"/>
      <c r="F379" s="128"/>
      <c r="G379" s="128"/>
    </row>
    <row r="380" spans="1:7" ht="18.75" customHeight="1" x14ac:dyDescent="0.3">
      <c r="A380" s="110"/>
      <c r="B380" s="111"/>
      <c r="C380" s="110"/>
      <c r="D380" s="110"/>
      <c r="E380" s="110"/>
      <c r="F380" s="110"/>
      <c r="G380" s="110"/>
    </row>
    <row r="381" spans="1:7" x14ac:dyDescent="0.3">
      <c r="A381" s="103"/>
      <c r="B381" s="103"/>
      <c r="C381" s="103"/>
      <c r="D381" s="103"/>
      <c r="E381" s="103"/>
      <c r="F381" s="103"/>
      <c r="G381" s="103"/>
    </row>
    <row r="382" spans="1:7" x14ac:dyDescent="0.3">
      <c r="A382" s="156"/>
      <c r="B382" s="156"/>
      <c r="C382" s="170"/>
      <c r="D382" s="129"/>
      <c r="E382" s="129"/>
      <c r="F382" s="94"/>
      <c r="G382" s="94"/>
    </row>
    <row r="383" spans="1:7" x14ac:dyDescent="0.3">
      <c r="A383" s="129"/>
      <c r="B383" s="156"/>
      <c r="C383" s="156"/>
      <c r="D383" s="129"/>
      <c r="E383" s="129"/>
      <c r="F383" s="94"/>
      <c r="G383" s="94"/>
    </row>
    <row r="384" spans="1:7" x14ac:dyDescent="0.3">
      <c r="A384" s="156"/>
      <c r="B384" s="156"/>
      <c r="C384" s="156"/>
      <c r="D384" s="129"/>
      <c r="E384" s="129"/>
      <c r="F384" s="94"/>
      <c r="G384" s="94"/>
    </row>
    <row r="385" spans="1:7" x14ac:dyDescent="0.3">
      <c r="A385" s="156"/>
      <c r="B385" s="151"/>
      <c r="C385" s="170"/>
      <c r="D385" s="170"/>
      <c r="E385" s="129"/>
      <c r="F385" s="174"/>
      <c r="G385" s="174"/>
    </row>
    <row r="386" spans="1:7" x14ac:dyDescent="0.3">
      <c r="A386" s="156"/>
      <c r="B386" s="151"/>
      <c r="C386" s="170"/>
      <c r="D386" s="170"/>
      <c r="E386" s="129"/>
      <c r="F386" s="174"/>
      <c r="G386" s="174"/>
    </row>
    <row r="387" spans="1:7" x14ac:dyDescent="0.3">
      <c r="A387" s="156"/>
      <c r="B387" s="151"/>
      <c r="C387" s="170"/>
      <c r="D387" s="170"/>
      <c r="E387" s="129"/>
      <c r="F387" s="174"/>
      <c r="G387" s="174"/>
    </row>
    <row r="388" spans="1:7" x14ac:dyDescent="0.3">
      <c r="A388" s="156"/>
      <c r="B388" s="151"/>
      <c r="C388" s="170"/>
      <c r="D388" s="170"/>
      <c r="E388" s="129"/>
      <c r="F388" s="174"/>
      <c r="G388" s="174"/>
    </row>
    <row r="389" spans="1:7" x14ac:dyDescent="0.3">
      <c r="A389" s="156"/>
      <c r="B389" s="151"/>
      <c r="C389" s="170"/>
      <c r="D389" s="170"/>
      <c r="E389" s="129"/>
      <c r="F389" s="174"/>
      <c r="G389" s="174"/>
    </row>
    <row r="390" spans="1:7" x14ac:dyDescent="0.3">
      <c r="A390" s="156"/>
      <c r="B390" s="151"/>
      <c r="C390" s="170"/>
      <c r="D390" s="170"/>
      <c r="E390" s="129"/>
      <c r="F390" s="174"/>
      <c r="G390" s="174"/>
    </row>
    <row r="391" spans="1:7" x14ac:dyDescent="0.3">
      <c r="A391" s="156"/>
      <c r="B391" s="151"/>
      <c r="C391" s="170"/>
      <c r="D391" s="170"/>
      <c r="E391" s="129"/>
      <c r="F391" s="174"/>
      <c r="G391" s="174"/>
    </row>
    <row r="392" spans="1:7" x14ac:dyDescent="0.3">
      <c r="A392" s="156"/>
      <c r="B392" s="151"/>
      <c r="C392" s="170"/>
      <c r="D392" s="147"/>
      <c r="E392" s="129"/>
      <c r="F392" s="174"/>
      <c r="G392" s="174"/>
    </row>
    <row r="393" spans="1:7" x14ac:dyDescent="0.3">
      <c r="A393" s="156"/>
      <c r="B393" s="151"/>
      <c r="C393" s="170"/>
      <c r="D393" s="147"/>
      <c r="E393" s="129"/>
      <c r="F393" s="174"/>
      <c r="G393" s="174"/>
    </row>
    <row r="394" spans="1:7" x14ac:dyDescent="0.3">
      <c r="A394" s="156"/>
      <c r="B394" s="151"/>
      <c r="C394" s="170"/>
      <c r="D394" s="147"/>
      <c r="E394" s="151"/>
      <c r="F394" s="174"/>
      <c r="G394" s="174"/>
    </row>
    <row r="395" spans="1:7" x14ac:dyDescent="0.3">
      <c r="A395" s="156"/>
      <c r="B395" s="151"/>
      <c r="C395" s="170"/>
      <c r="D395" s="147"/>
      <c r="E395" s="151"/>
      <c r="F395" s="174"/>
      <c r="G395" s="174"/>
    </row>
    <row r="396" spans="1:7" x14ac:dyDescent="0.3">
      <c r="A396" s="156"/>
      <c r="B396" s="151"/>
      <c r="C396" s="170"/>
      <c r="D396" s="147"/>
      <c r="E396" s="151"/>
      <c r="F396" s="174"/>
      <c r="G396" s="174"/>
    </row>
    <row r="397" spans="1:7" x14ac:dyDescent="0.3">
      <c r="A397" s="156"/>
      <c r="B397" s="151"/>
      <c r="C397" s="170"/>
      <c r="D397" s="147"/>
      <c r="E397" s="151"/>
      <c r="F397" s="174"/>
      <c r="G397" s="174"/>
    </row>
    <row r="398" spans="1:7" x14ac:dyDescent="0.3">
      <c r="A398" s="156"/>
      <c r="B398" s="151"/>
      <c r="C398" s="170"/>
      <c r="D398" s="147"/>
      <c r="E398" s="151"/>
      <c r="F398" s="174"/>
      <c r="G398" s="174"/>
    </row>
    <row r="399" spans="1:7" x14ac:dyDescent="0.3">
      <c r="A399" s="156"/>
      <c r="B399" s="151"/>
      <c r="C399" s="170"/>
      <c r="D399" s="147"/>
      <c r="E399" s="151"/>
      <c r="F399" s="174"/>
      <c r="G399" s="174"/>
    </row>
    <row r="400" spans="1:7" x14ac:dyDescent="0.3">
      <c r="A400" s="156"/>
      <c r="B400" s="151"/>
      <c r="C400" s="170"/>
      <c r="D400" s="147"/>
      <c r="E400" s="156"/>
      <c r="F400" s="174"/>
      <c r="G400" s="174"/>
    </row>
    <row r="401" spans="1:7" x14ac:dyDescent="0.3">
      <c r="A401" s="156"/>
      <c r="B401" s="151"/>
      <c r="C401" s="170"/>
      <c r="D401" s="147"/>
      <c r="E401" s="114"/>
      <c r="F401" s="174"/>
      <c r="G401" s="174"/>
    </row>
    <row r="402" spans="1:7" x14ac:dyDescent="0.3">
      <c r="A402" s="156"/>
      <c r="B402" s="151"/>
      <c r="C402" s="170"/>
      <c r="D402" s="147"/>
      <c r="E402" s="114"/>
      <c r="F402" s="174"/>
      <c r="G402" s="174"/>
    </row>
    <row r="403" spans="1:7" x14ac:dyDescent="0.3">
      <c r="A403" s="156"/>
      <c r="B403" s="151"/>
      <c r="C403" s="170"/>
      <c r="D403" s="147"/>
      <c r="E403" s="114"/>
      <c r="F403" s="174"/>
      <c r="G403" s="174"/>
    </row>
    <row r="404" spans="1:7" x14ac:dyDescent="0.3">
      <c r="A404" s="156"/>
      <c r="B404" s="151"/>
      <c r="C404" s="170"/>
      <c r="D404" s="147"/>
      <c r="E404" s="114"/>
      <c r="F404" s="174"/>
      <c r="G404" s="174"/>
    </row>
    <row r="405" spans="1:7" x14ac:dyDescent="0.3">
      <c r="A405" s="156"/>
      <c r="B405" s="151"/>
      <c r="C405" s="170"/>
      <c r="D405" s="147"/>
      <c r="E405" s="114"/>
      <c r="F405" s="174"/>
      <c r="G405" s="174"/>
    </row>
    <row r="406" spans="1:7" x14ac:dyDescent="0.3">
      <c r="A406" s="156"/>
      <c r="B406" s="151"/>
      <c r="C406" s="170"/>
      <c r="D406" s="147"/>
      <c r="E406" s="114"/>
      <c r="F406" s="174"/>
      <c r="G406" s="174"/>
    </row>
    <row r="407" spans="1:7" x14ac:dyDescent="0.3">
      <c r="A407" s="156"/>
      <c r="B407" s="151"/>
      <c r="C407" s="170"/>
      <c r="D407" s="147"/>
      <c r="E407" s="114"/>
      <c r="F407" s="174"/>
      <c r="G407" s="174"/>
    </row>
    <row r="408" spans="1:7" x14ac:dyDescent="0.3">
      <c r="A408" s="156"/>
      <c r="B408" s="151"/>
      <c r="C408" s="170"/>
      <c r="D408" s="147"/>
      <c r="E408" s="114"/>
      <c r="F408" s="174"/>
      <c r="G408" s="174"/>
    </row>
    <row r="409" spans="1:7" x14ac:dyDescent="0.3">
      <c r="A409" s="156"/>
      <c r="B409" s="115"/>
      <c r="C409" s="177"/>
      <c r="D409" s="116"/>
      <c r="E409" s="114"/>
      <c r="F409" s="175"/>
      <c r="G409" s="175"/>
    </row>
    <row r="410" spans="1:7" x14ac:dyDescent="0.3">
      <c r="A410" s="103"/>
      <c r="B410" s="103"/>
      <c r="C410" s="103"/>
      <c r="D410" s="103"/>
      <c r="E410" s="103"/>
      <c r="F410" s="103"/>
      <c r="G410" s="103"/>
    </row>
    <row r="411" spans="1:7" x14ac:dyDescent="0.3">
      <c r="A411" s="156"/>
      <c r="B411" s="156"/>
      <c r="C411" s="173"/>
      <c r="D411" s="156"/>
      <c r="E411" s="156"/>
      <c r="F411" s="156"/>
      <c r="G411" s="156"/>
    </row>
    <row r="412" spans="1:7" x14ac:dyDescent="0.3">
      <c r="A412" s="156"/>
      <c r="B412" s="156"/>
      <c r="C412" s="156"/>
      <c r="D412" s="156"/>
      <c r="E412" s="156"/>
      <c r="F412" s="156"/>
      <c r="G412" s="156"/>
    </row>
    <row r="413" spans="1:7" x14ac:dyDescent="0.3">
      <c r="A413" s="156"/>
      <c r="B413" s="151"/>
      <c r="C413" s="156"/>
      <c r="D413" s="156"/>
      <c r="E413" s="156"/>
      <c r="F413" s="156"/>
      <c r="G413" s="156"/>
    </row>
    <row r="414" spans="1:7" x14ac:dyDescent="0.3">
      <c r="A414" s="156"/>
      <c r="B414" s="156"/>
      <c r="C414" s="170"/>
      <c r="D414" s="147"/>
      <c r="E414" s="156"/>
      <c r="F414" s="174"/>
      <c r="G414" s="174"/>
    </row>
    <row r="415" spans="1:7" x14ac:dyDescent="0.3">
      <c r="A415" s="156"/>
      <c r="B415" s="156"/>
      <c r="C415" s="170"/>
      <c r="D415" s="147"/>
      <c r="E415" s="156"/>
      <c r="F415" s="174"/>
      <c r="G415" s="174"/>
    </row>
    <row r="416" spans="1:7" x14ac:dyDescent="0.3">
      <c r="A416" s="156"/>
      <c r="B416" s="156"/>
      <c r="C416" s="170"/>
      <c r="D416" s="147"/>
      <c r="E416" s="156"/>
      <c r="F416" s="174"/>
      <c r="G416" s="174"/>
    </row>
    <row r="417" spans="1:7" x14ac:dyDescent="0.3">
      <c r="A417" s="156"/>
      <c r="B417" s="156"/>
      <c r="C417" s="170"/>
      <c r="D417" s="147"/>
      <c r="E417" s="156"/>
      <c r="F417" s="174"/>
      <c r="G417" s="174"/>
    </row>
    <row r="418" spans="1:7" x14ac:dyDescent="0.3">
      <c r="A418" s="156"/>
      <c r="B418" s="156"/>
      <c r="C418" s="170"/>
      <c r="D418" s="147"/>
      <c r="E418" s="156"/>
      <c r="F418" s="174"/>
      <c r="G418" s="174"/>
    </row>
    <row r="419" spans="1:7" x14ac:dyDescent="0.3">
      <c r="A419" s="156"/>
      <c r="B419" s="156"/>
      <c r="C419" s="170"/>
      <c r="D419" s="147"/>
      <c r="E419" s="156"/>
      <c r="F419" s="174"/>
      <c r="G419" s="174"/>
    </row>
    <row r="420" spans="1:7" x14ac:dyDescent="0.3">
      <c r="A420" s="156"/>
      <c r="B420" s="156"/>
      <c r="C420" s="170"/>
      <c r="D420" s="147"/>
      <c r="E420" s="156"/>
      <c r="F420" s="174"/>
      <c r="G420" s="174"/>
    </row>
    <row r="421" spans="1:7" x14ac:dyDescent="0.3">
      <c r="A421" s="156"/>
      <c r="B421" s="156"/>
      <c r="C421" s="170"/>
      <c r="D421" s="147"/>
      <c r="E421" s="156"/>
      <c r="F421" s="174"/>
      <c r="G421" s="174"/>
    </row>
    <row r="422" spans="1:7" x14ac:dyDescent="0.3">
      <c r="A422" s="156"/>
      <c r="B422" s="115"/>
      <c r="C422" s="170"/>
      <c r="D422" s="147"/>
      <c r="E422" s="156"/>
      <c r="F422" s="173"/>
      <c r="G422" s="173"/>
    </row>
    <row r="423" spans="1:7" x14ac:dyDescent="0.3">
      <c r="A423" s="156"/>
      <c r="B423" s="106"/>
      <c r="C423" s="170"/>
      <c r="D423" s="147"/>
      <c r="E423" s="156"/>
      <c r="F423" s="174"/>
      <c r="G423" s="174"/>
    </row>
    <row r="424" spans="1:7" x14ac:dyDescent="0.3">
      <c r="A424" s="156"/>
      <c r="B424" s="106"/>
      <c r="C424" s="170"/>
      <c r="D424" s="147"/>
      <c r="E424" s="156"/>
      <c r="F424" s="174"/>
      <c r="G424" s="174"/>
    </row>
    <row r="425" spans="1:7" x14ac:dyDescent="0.3">
      <c r="A425" s="156"/>
      <c r="B425" s="106"/>
      <c r="C425" s="170"/>
      <c r="D425" s="147"/>
      <c r="E425" s="156"/>
      <c r="F425" s="174"/>
      <c r="G425" s="174"/>
    </row>
    <row r="426" spans="1:7" x14ac:dyDescent="0.3">
      <c r="A426" s="156"/>
      <c r="B426" s="106"/>
      <c r="C426" s="170"/>
      <c r="D426" s="147"/>
      <c r="E426" s="156"/>
      <c r="F426" s="174"/>
      <c r="G426" s="174"/>
    </row>
    <row r="427" spans="1:7" x14ac:dyDescent="0.3">
      <c r="A427" s="156"/>
      <c r="B427" s="106"/>
      <c r="C427" s="170"/>
      <c r="D427" s="147"/>
      <c r="E427" s="156"/>
      <c r="F427" s="174"/>
      <c r="G427" s="174"/>
    </row>
    <row r="428" spans="1:7" x14ac:dyDescent="0.3">
      <c r="A428" s="156"/>
      <c r="B428" s="106"/>
      <c r="C428" s="170"/>
      <c r="D428" s="147"/>
      <c r="E428" s="156"/>
      <c r="F428" s="174"/>
      <c r="G428" s="174"/>
    </row>
    <row r="429" spans="1:7" x14ac:dyDescent="0.3">
      <c r="A429" s="156"/>
      <c r="B429" s="106"/>
      <c r="C429" s="156"/>
      <c r="D429" s="156"/>
      <c r="E429" s="156"/>
      <c r="F429" s="117"/>
      <c r="G429" s="117"/>
    </row>
    <row r="430" spans="1:7" x14ac:dyDescent="0.3">
      <c r="A430" s="156"/>
      <c r="B430" s="106"/>
      <c r="C430" s="156"/>
      <c r="D430" s="156"/>
      <c r="E430" s="156"/>
      <c r="F430" s="117"/>
      <c r="G430" s="117"/>
    </row>
    <row r="431" spans="1:7" x14ac:dyDescent="0.3">
      <c r="A431" s="156"/>
      <c r="B431" s="106"/>
      <c r="C431" s="156"/>
      <c r="D431" s="156"/>
      <c r="E431" s="156"/>
      <c r="F431" s="114"/>
      <c r="G431" s="114"/>
    </row>
    <row r="432" spans="1:7" x14ac:dyDescent="0.3">
      <c r="A432" s="103"/>
      <c r="B432" s="103"/>
      <c r="C432" s="103"/>
      <c r="D432" s="103"/>
      <c r="E432" s="103"/>
      <c r="F432" s="103"/>
      <c r="G432" s="103"/>
    </row>
    <row r="433" spans="1:7" x14ac:dyDescent="0.3">
      <c r="A433" s="156"/>
      <c r="B433" s="156"/>
      <c r="C433" s="173"/>
      <c r="D433" s="156"/>
      <c r="E433" s="156"/>
      <c r="F433" s="156"/>
      <c r="G433" s="156"/>
    </row>
    <row r="434" spans="1:7" x14ac:dyDescent="0.3">
      <c r="A434" s="156"/>
      <c r="B434" s="156"/>
      <c r="C434" s="156"/>
      <c r="D434" s="156"/>
      <c r="E434" s="156"/>
      <c r="F434" s="156"/>
      <c r="G434" s="156"/>
    </row>
    <row r="435" spans="1:7" x14ac:dyDescent="0.3">
      <c r="A435" s="156"/>
      <c r="B435" s="151"/>
      <c r="C435" s="156"/>
      <c r="D435" s="156"/>
      <c r="E435" s="156"/>
      <c r="F435" s="156"/>
      <c r="G435" s="156"/>
    </row>
    <row r="436" spans="1:7" x14ac:dyDescent="0.3">
      <c r="A436" s="156"/>
      <c r="B436" s="156"/>
      <c r="C436" s="170"/>
      <c r="D436" s="147"/>
      <c r="E436" s="156"/>
      <c r="F436" s="174"/>
      <c r="G436" s="174"/>
    </row>
    <row r="437" spans="1:7" x14ac:dyDescent="0.3">
      <c r="A437" s="156"/>
      <c r="B437" s="156"/>
      <c r="C437" s="170"/>
      <c r="D437" s="147"/>
      <c r="E437" s="156"/>
      <c r="F437" s="174"/>
      <c r="G437" s="174"/>
    </row>
    <row r="438" spans="1:7" x14ac:dyDescent="0.3">
      <c r="A438" s="156"/>
      <c r="B438" s="156"/>
      <c r="C438" s="170"/>
      <c r="D438" s="147"/>
      <c r="E438" s="156"/>
      <c r="F438" s="174"/>
      <c r="G438" s="174"/>
    </row>
    <row r="439" spans="1:7" x14ac:dyDescent="0.3">
      <c r="A439" s="156"/>
      <c r="B439" s="156"/>
      <c r="C439" s="170"/>
      <c r="D439" s="147"/>
      <c r="E439" s="156"/>
      <c r="F439" s="174"/>
      <c r="G439" s="174"/>
    </row>
    <row r="440" spans="1:7" x14ac:dyDescent="0.3">
      <c r="A440" s="156"/>
      <c r="B440" s="156"/>
      <c r="C440" s="170"/>
      <c r="D440" s="147"/>
      <c r="E440" s="156"/>
      <c r="F440" s="174"/>
      <c r="G440" s="174"/>
    </row>
    <row r="441" spans="1:7" x14ac:dyDescent="0.3">
      <c r="A441" s="156"/>
      <c r="B441" s="156"/>
      <c r="C441" s="170"/>
      <c r="D441" s="147"/>
      <c r="E441" s="156"/>
      <c r="F441" s="174"/>
      <c r="G441" s="174"/>
    </row>
    <row r="442" spans="1:7" x14ac:dyDescent="0.3">
      <c r="A442" s="156"/>
      <c r="B442" s="156"/>
      <c r="C442" s="170"/>
      <c r="D442" s="147"/>
      <c r="E442" s="156"/>
      <c r="F442" s="174"/>
      <c r="G442" s="174"/>
    </row>
    <row r="443" spans="1:7" x14ac:dyDescent="0.3">
      <c r="A443" s="156"/>
      <c r="B443" s="156"/>
      <c r="C443" s="170"/>
      <c r="D443" s="147"/>
      <c r="E443" s="156"/>
      <c r="F443" s="174"/>
      <c r="G443" s="174"/>
    </row>
    <row r="444" spans="1:7" x14ac:dyDescent="0.3">
      <c r="A444" s="156"/>
      <c r="B444" s="115"/>
      <c r="C444" s="170"/>
      <c r="D444" s="147"/>
      <c r="E444" s="156"/>
      <c r="F444" s="173"/>
      <c r="G444" s="173"/>
    </row>
    <row r="445" spans="1:7" x14ac:dyDescent="0.3">
      <c r="A445" s="156"/>
      <c r="B445" s="106"/>
      <c r="C445" s="170"/>
      <c r="D445" s="147"/>
      <c r="E445" s="156"/>
      <c r="F445" s="174"/>
      <c r="G445" s="174"/>
    </row>
    <row r="446" spans="1:7" x14ac:dyDescent="0.3">
      <c r="A446" s="156"/>
      <c r="B446" s="106"/>
      <c r="C446" s="170"/>
      <c r="D446" s="147"/>
      <c r="E446" s="156"/>
      <c r="F446" s="174"/>
      <c r="G446" s="174"/>
    </row>
    <row r="447" spans="1:7" x14ac:dyDescent="0.3">
      <c r="A447" s="156"/>
      <c r="B447" s="106"/>
      <c r="C447" s="170"/>
      <c r="D447" s="147"/>
      <c r="E447" s="156"/>
      <c r="F447" s="174"/>
      <c r="G447" s="174"/>
    </row>
    <row r="448" spans="1:7" x14ac:dyDescent="0.3">
      <c r="A448" s="156"/>
      <c r="B448" s="106"/>
      <c r="C448" s="170"/>
      <c r="D448" s="147"/>
      <c r="E448" s="156"/>
      <c r="F448" s="174"/>
      <c r="G448" s="174"/>
    </row>
    <row r="449" spans="1:7" x14ac:dyDescent="0.3">
      <c r="A449" s="156"/>
      <c r="B449" s="106"/>
      <c r="C449" s="170"/>
      <c r="D449" s="147"/>
      <c r="E449" s="156"/>
      <c r="F449" s="174"/>
      <c r="G449" s="174"/>
    </row>
    <row r="450" spans="1:7" x14ac:dyDescent="0.3">
      <c r="A450" s="156"/>
      <c r="B450" s="106"/>
      <c r="C450" s="170"/>
      <c r="D450" s="147"/>
      <c r="E450" s="156"/>
      <c r="F450" s="174"/>
      <c r="G450" s="174"/>
    </row>
    <row r="451" spans="1:7" x14ac:dyDescent="0.3">
      <c r="A451" s="156"/>
      <c r="B451" s="106"/>
      <c r="C451" s="156"/>
      <c r="D451" s="156"/>
      <c r="E451" s="156"/>
      <c r="F451" s="174"/>
      <c r="G451" s="174"/>
    </row>
    <row r="452" spans="1:7" x14ac:dyDescent="0.3">
      <c r="A452" s="156"/>
      <c r="B452" s="106"/>
      <c r="C452" s="156"/>
      <c r="D452" s="156"/>
      <c r="E452" s="156"/>
      <c r="F452" s="174"/>
      <c r="G452" s="174"/>
    </row>
    <row r="453" spans="1:7" x14ac:dyDescent="0.3">
      <c r="A453" s="156"/>
      <c r="B453" s="106"/>
      <c r="C453" s="156"/>
      <c r="D453" s="156"/>
      <c r="E453" s="156"/>
      <c r="F453" s="174"/>
      <c r="G453" s="173"/>
    </row>
    <row r="454" spans="1:7" x14ac:dyDescent="0.3">
      <c r="A454" s="103"/>
      <c r="B454" s="103"/>
      <c r="C454" s="103"/>
      <c r="D454" s="103"/>
      <c r="E454" s="103"/>
      <c r="F454" s="103"/>
      <c r="G454" s="103"/>
    </row>
    <row r="455" spans="1:7" x14ac:dyDescent="0.3">
      <c r="A455" s="156"/>
      <c r="B455" s="151"/>
      <c r="C455" s="173"/>
      <c r="D455" s="173"/>
      <c r="E455" s="156"/>
      <c r="F455" s="156"/>
      <c r="G455" s="156"/>
    </row>
    <row r="456" spans="1:7" x14ac:dyDescent="0.3">
      <c r="A456" s="156"/>
      <c r="B456" s="151"/>
      <c r="C456" s="173"/>
      <c r="D456" s="173"/>
      <c r="E456" s="156"/>
      <c r="F456" s="156"/>
      <c r="G456" s="156"/>
    </row>
    <row r="457" spans="1:7" x14ac:dyDescent="0.3">
      <c r="A457" s="156"/>
      <c r="B457" s="151"/>
      <c r="C457" s="173"/>
      <c r="D457" s="173"/>
      <c r="E457" s="156"/>
      <c r="F457" s="156"/>
      <c r="G457" s="156"/>
    </row>
    <row r="458" spans="1:7" x14ac:dyDescent="0.3">
      <c r="A458" s="156"/>
      <c r="B458" s="151"/>
      <c r="C458" s="173"/>
      <c r="D458" s="173"/>
      <c r="E458" s="156"/>
      <c r="F458" s="156"/>
      <c r="G458" s="156"/>
    </row>
    <row r="459" spans="1:7" x14ac:dyDescent="0.3">
      <c r="A459" s="156"/>
      <c r="B459" s="151"/>
      <c r="C459" s="173"/>
      <c r="D459" s="173"/>
      <c r="E459" s="156"/>
      <c r="F459" s="156"/>
      <c r="G459" s="156"/>
    </row>
    <row r="460" spans="1:7" x14ac:dyDescent="0.3">
      <c r="A460" s="156"/>
      <c r="B460" s="151"/>
      <c r="C460" s="173"/>
      <c r="D460" s="173"/>
      <c r="E460" s="156"/>
      <c r="F460" s="156"/>
      <c r="G460" s="156"/>
    </row>
    <row r="461" spans="1:7" x14ac:dyDescent="0.3">
      <c r="A461" s="156"/>
      <c r="B461" s="151"/>
      <c r="C461" s="173"/>
      <c r="D461" s="173"/>
      <c r="E461" s="156"/>
      <c r="F461" s="156"/>
      <c r="G461" s="156"/>
    </row>
    <row r="462" spans="1:7" x14ac:dyDescent="0.3">
      <c r="A462" s="156"/>
      <c r="B462" s="151"/>
      <c r="C462" s="173"/>
      <c r="D462" s="173"/>
      <c r="E462" s="156"/>
      <c r="F462" s="156"/>
      <c r="G462" s="156"/>
    </row>
    <row r="463" spans="1:7" x14ac:dyDescent="0.3">
      <c r="A463" s="156"/>
      <c r="B463" s="151"/>
      <c r="C463" s="173"/>
      <c r="D463" s="173"/>
      <c r="E463" s="156"/>
      <c r="F463" s="156"/>
      <c r="G463" s="156"/>
    </row>
    <row r="464" spans="1:7" x14ac:dyDescent="0.3">
      <c r="A464" s="156"/>
      <c r="B464" s="151"/>
      <c r="C464" s="173"/>
      <c r="D464" s="173"/>
      <c r="E464" s="156"/>
      <c r="F464" s="156"/>
      <c r="G464" s="156"/>
    </row>
    <row r="465" spans="1:7" x14ac:dyDescent="0.3">
      <c r="A465" s="156"/>
      <c r="B465" s="106"/>
      <c r="C465" s="173"/>
      <c r="D465" s="156"/>
      <c r="E465" s="156"/>
      <c r="F465" s="156"/>
      <c r="G465" s="156"/>
    </row>
    <row r="466" spans="1:7" x14ac:dyDescent="0.3">
      <c r="A466" s="156"/>
      <c r="B466" s="106"/>
      <c r="C466" s="173"/>
      <c r="D466" s="156"/>
      <c r="E466" s="156"/>
      <c r="F466" s="156"/>
      <c r="G466" s="156"/>
    </row>
    <row r="467" spans="1:7" x14ac:dyDescent="0.3">
      <c r="A467" s="156"/>
      <c r="B467" s="106"/>
      <c r="C467" s="173"/>
      <c r="D467" s="156"/>
      <c r="E467" s="156"/>
      <c r="F467" s="156"/>
      <c r="G467" s="156"/>
    </row>
    <row r="468" spans="1:7" x14ac:dyDescent="0.3">
      <c r="A468" s="156"/>
      <c r="B468" s="106"/>
      <c r="C468" s="173"/>
      <c r="D468" s="156"/>
      <c r="E468" s="156"/>
      <c r="F468" s="156"/>
      <c r="G468" s="156"/>
    </row>
    <row r="469" spans="1:7" x14ac:dyDescent="0.3">
      <c r="A469" s="156"/>
      <c r="B469" s="106"/>
      <c r="C469" s="173"/>
      <c r="D469" s="156"/>
      <c r="E469" s="156"/>
      <c r="F469" s="156"/>
      <c r="G469" s="156"/>
    </row>
    <row r="470" spans="1:7" x14ac:dyDescent="0.3">
      <c r="A470" s="156"/>
      <c r="B470" s="106"/>
      <c r="C470" s="173"/>
      <c r="D470" s="156"/>
      <c r="E470" s="156"/>
      <c r="F470" s="156"/>
      <c r="G470" s="156"/>
    </row>
    <row r="471" spans="1:7" x14ac:dyDescent="0.3">
      <c r="A471" s="156"/>
      <c r="B471" s="106"/>
      <c r="C471" s="173"/>
      <c r="D471" s="156"/>
      <c r="E471" s="156"/>
      <c r="F471" s="156"/>
      <c r="G471" s="156"/>
    </row>
    <row r="472" spans="1:7" x14ac:dyDescent="0.3">
      <c r="A472" s="156"/>
      <c r="B472" s="106"/>
      <c r="C472" s="173"/>
      <c r="D472" s="156"/>
      <c r="E472" s="156"/>
      <c r="F472" s="156"/>
      <c r="G472" s="156"/>
    </row>
    <row r="473" spans="1:7" x14ac:dyDescent="0.3">
      <c r="A473" s="156"/>
      <c r="B473" s="106"/>
      <c r="C473" s="173"/>
      <c r="D473" s="156"/>
      <c r="E473" s="156"/>
      <c r="F473" s="156"/>
      <c r="G473" s="156"/>
    </row>
    <row r="474" spans="1:7" x14ac:dyDescent="0.3">
      <c r="A474" s="156"/>
      <c r="B474" s="106"/>
      <c r="C474" s="173"/>
      <c r="D474" s="156"/>
      <c r="E474" s="156"/>
      <c r="F474" s="156"/>
      <c r="G474" s="156"/>
    </row>
    <row r="475" spans="1:7" x14ac:dyDescent="0.3">
      <c r="A475" s="156"/>
      <c r="B475" s="106"/>
      <c r="C475" s="173"/>
      <c r="D475" s="156"/>
      <c r="E475" s="156"/>
      <c r="F475" s="156"/>
      <c r="G475" s="156"/>
    </row>
    <row r="476" spans="1:7" x14ac:dyDescent="0.3">
      <c r="A476" s="156"/>
      <c r="B476" s="106"/>
      <c r="C476" s="173"/>
      <c r="D476" s="156"/>
      <c r="E476" s="156"/>
      <c r="F476" s="156"/>
      <c r="G476" s="128"/>
    </row>
    <row r="477" spans="1:7" x14ac:dyDescent="0.3">
      <c r="A477" s="156"/>
      <c r="B477" s="106"/>
      <c r="C477" s="173"/>
      <c r="D477" s="156"/>
      <c r="E477" s="156"/>
      <c r="F477" s="156"/>
      <c r="G477" s="128"/>
    </row>
    <row r="478" spans="1:7" x14ac:dyDescent="0.3">
      <c r="A478" s="156"/>
      <c r="B478" s="106"/>
      <c r="C478" s="173"/>
      <c r="D478" s="156"/>
      <c r="E478" s="156"/>
      <c r="F478" s="156"/>
      <c r="G478" s="128"/>
    </row>
    <row r="479" spans="1:7" x14ac:dyDescent="0.3">
      <c r="A479" s="156"/>
      <c r="B479" s="106"/>
      <c r="C479" s="173"/>
      <c r="D479" s="140"/>
      <c r="E479" s="140"/>
      <c r="F479" s="140"/>
      <c r="G479" s="140"/>
    </row>
    <row r="480" spans="1:7" x14ac:dyDescent="0.3">
      <c r="A480" s="156"/>
      <c r="B480" s="106"/>
      <c r="C480" s="173"/>
      <c r="D480" s="140"/>
      <c r="E480" s="140"/>
      <c r="F480" s="140"/>
      <c r="G480" s="140"/>
    </row>
    <row r="481" spans="1:7" x14ac:dyDescent="0.3">
      <c r="A481" s="156"/>
      <c r="B481" s="106"/>
      <c r="C481" s="173"/>
      <c r="D481" s="140"/>
      <c r="E481" s="140"/>
      <c r="F481" s="140"/>
      <c r="G481" s="140"/>
    </row>
    <row r="482" spans="1:7" x14ac:dyDescent="0.3">
      <c r="A482" s="103"/>
      <c r="B482" s="103"/>
      <c r="C482" s="103"/>
      <c r="D482" s="103"/>
      <c r="E482" s="103"/>
      <c r="F482" s="103"/>
      <c r="G482" s="103"/>
    </row>
    <row r="483" spans="1:7" x14ac:dyDescent="0.3">
      <c r="A483" s="156"/>
      <c r="B483" s="151"/>
      <c r="C483" s="156"/>
      <c r="D483" s="156"/>
      <c r="E483" s="145"/>
      <c r="F483" s="174"/>
      <c r="G483" s="174"/>
    </row>
    <row r="484" spans="1:7" x14ac:dyDescent="0.3">
      <c r="A484" s="156"/>
      <c r="B484" s="151"/>
      <c r="C484" s="156"/>
      <c r="D484" s="156"/>
      <c r="E484" s="145"/>
      <c r="F484" s="174"/>
      <c r="G484" s="174"/>
    </row>
    <row r="485" spans="1:7" x14ac:dyDescent="0.3">
      <c r="A485" s="156"/>
      <c r="B485" s="151"/>
      <c r="C485" s="156"/>
      <c r="D485" s="156"/>
      <c r="E485" s="145"/>
      <c r="F485" s="174"/>
      <c r="G485" s="174"/>
    </row>
    <row r="486" spans="1:7" x14ac:dyDescent="0.3">
      <c r="A486" s="156"/>
      <c r="B486" s="151"/>
      <c r="C486" s="156"/>
      <c r="D486" s="156"/>
      <c r="E486" s="145"/>
      <c r="F486" s="174"/>
      <c r="G486" s="174"/>
    </row>
    <row r="487" spans="1:7" x14ac:dyDescent="0.3">
      <c r="A487" s="156"/>
      <c r="B487" s="151"/>
      <c r="C487" s="156"/>
      <c r="D487" s="156"/>
      <c r="E487" s="145"/>
      <c r="F487" s="174"/>
      <c r="G487" s="174"/>
    </row>
    <row r="488" spans="1:7" x14ac:dyDescent="0.3">
      <c r="A488" s="156"/>
      <c r="B488" s="151"/>
      <c r="C488" s="156"/>
      <c r="D488" s="156"/>
      <c r="E488" s="145"/>
      <c r="F488" s="174"/>
      <c r="G488" s="174"/>
    </row>
    <row r="489" spans="1:7" x14ac:dyDescent="0.3">
      <c r="A489" s="156"/>
      <c r="B489" s="151"/>
      <c r="C489" s="156"/>
      <c r="D489" s="156"/>
      <c r="E489" s="145"/>
      <c r="F489" s="174"/>
      <c r="G489" s="174"/>
    </row>
    <row r="490" spans="1:7" x14ac:dyDescent="0.3">
      <c r="A490" s="156"/>
      <c r="B490" s="151"/>
      <c r="C490" s="156"/>
      <c r="D490" s="156"/>
      <c r="E490" s="145"/>
      <c r="F490" s="174"/>
      <c r="G490" s="174"/>
    </row>
    <row r="491" spans="1:7" x14ac:dyDescent="0.3">
      <c r="A491" s="156"/>
      <c r="B491" s="151"/>
      <c r="C491" s="156"/>
      <c r="D491" s="156"/>
      <c r="E491" s="145"/>
      <c r="F491" s="174"/>
      <c r="G491" s="174"/>
    </row>
    <row r="492" spans="1:7" x14ac:dyDescent="0.3">
      <c r="A492" s="156"/>
      <c r="B492" s="151"/>
      <c r="C492" s="156"/>
      <c r="D492" s="156"/>
      <c r="E492" s="145"/>
      <c r="F492" s="174"/>
      <c r="G492" s="174"/>
    </row>
    <row r="493" spans="1:7" x14ac:dyDescent="0.3">
      <c r="A493" s="156"/>
      <c r="B493" s="151"/>
      <c r="C493" s="156"/>
      <c r="D493" s="156"/>
      <c r="E493" s="145"/>
      <c r="F493" s="174"/>
      <c r="G493" s="174"/>
    </row>
    <row r="494" spans="1:7" x14ac:dyDescent="0.3">
      <c r="A494" s="156"/>
      <c r="B494" s="151"/>
      <c r="C494" s="156"/>
      <c r="D494" s="156"/>
      <c r="E494" s="145"/>
      <c r="F494" s="174"/>
      <c r="G494" s="174"/>
    </row>
    <row r="495" spans="1:7" x14ac:dyDescent="0.3">
      <c r="A495" s="156"/>
      <c r="B495" s="151"/>
      <c r="C495" s="156"/>
      <c r="D495" s="156"/>
      <c r="E495" s="145"/>
      <c r="F495" s="174"/>
      <c r="G495" s="174"/>
    </row>
    <row r="496" spans="1:7" x14ac:dyDescent="0.3">
      <c r="A496" s="156"/>
      <c r="B496" s="151"/>
      <c r="C496" s="156"/>
      <c r="D496" s="156"/>
      <c r="E496" s="145"/>
      <c r="F496" s="174"/>
      <c r="G496" s="174"/>
    </row>
    <row r="497" spans="1:7" x14ac:dyDescent="0.3">
      <c r="A497" s="156"/>
      <c r="B497" s="151"/>
      <c r="C497" s="156"/>
      <c r="D497" s="156"/>
      <c r="E497" s="145"/>
      <c r="F497" s="174"/>
      <c r="G497" s="174"/>
    </row>
    <row r="498" spans="1:7" x14ac:dyDescent="0.3">
      <c r="A498" s="156"/>
      <c r="B498" s="151"/>
      <c r="C498" s="156"/>
      <c r="D498" s="156"/>
      <c r="E498" s="145"/>
      <c r="F498" s="174"/>
      <c r="G498" s="174"/>
    </row>
    <row r="499" spans="1:7" x14ac:dyDescent="0.3">
      <c r="A499" s="156"/>
      <c r="B499" s="151"/>
      <c r="C499" s="156"/>
      <c r="D499" s="156"/>
      <c r="E499" s="145"/>
      <c r="F499" s="174"/>
      <c r="G499" s="174"/>
    </row>
    <row r="500" spans="1:7" x14ac:dyDescent="0.3">
      <c r="A500" s="156"/>
      <c r="B500" s="151"/>
      <c r="C500" s="156"/>
      <c r="D500" s="156"/>
      <c r="E500" s="145"/>
      <c r="F500" s="174"/>
      <c r="G500" s="174"/>
    </row>
    <row r="501" spans="1:7" x14ac:dyDescent="0.3">
      <c r="A501" s="156"/>
      <c r="B501" s="151"/>
      <c r="C501" s="156"/>
      <c r="D501" s="156"/>
      <c r="E501" s="145"/>
      <c r="F501" s="145"/>
      <c r="G501" s="145"/>
    </row>
    <row r="502" spans="1:7" x14ac:dyDescent="0.3">
      <c r="A502" s="156"/>
      <c r="B502" s="151"/>
      <c r="C502" s="156"/>
      <c r="D502" s="156"/>
      <c r="E502" s="145"/>
      <c r="F502" s="145"/>
      <c r="G502" s="145"/>
    </row>
    <row r="503" spans="1:7" x14ac:dyDescent="0.3">
      <c r="A503" s="156"/>
      <c r="B503" s="151"/>
      <c r="C503" s="156"/>
      <c r="D503" s="156"/>
      <c r="E503" s="145"/>
      <c r="F503" s="145"/>
      <c r="G503" s="145"/>
    </row>
    <row r="504" spans="1:7" x14ac:dyDescent="0.3">
      <c r="A504" s="156"/>
      <c r="B504" s="151"/>
      <c r="C504" s="156"/>
      <c r="D504" s="156"/>
      <c r="E504" s="145"/>
      <c r="F504" s="145"/>
      <c r="G504" s="145"/>
    </row>
    <row r="505" spans="1:7" x14ac:dyDescent="0.3">
      <c r="A505" s="103"/>
      <c r="B505" s="103"/>
      <c r="C505" s="103"/>
      <c r="D505" s="103"/>
      <c r="E505" s="103"/>
      <c r="F505" s="103"/>
      <c r="G505" s="103"/>
    </row>
    <row r="506" spans="1:7" x14ac:dyDescent="0.3">
      <c r="A506" s="156"/>
      <c r="B506" s="151"/>
      <c r="C506" s="156"/>
      <c r="D506" s="156"/>
      <c r="E506" s="145"/>
      <c r="F506" s="174"/>
      <c r="G506" s="174"/>
    </row>
    <row r="507" spans="1:7" x14ac:dyDescent="0.3">
      <c r="A507" s="156"/>
      <c r="B507" s="151"/>
      <c r="C507" s="156"/>
      <c r="D507" s="156"/>
      <c r="E507" s="145"/>
      <c r="F507" s="174"/>
      <c r="G507" s="174"/>
    </row>
    <row r="508" spans="1:7" x14ac:dyDescent="0.3">
      <c r="A508" s="156"/>
      <c r="B508" s="151"/>
      <c r="C508" s="156"/>
      <c r="D508" s="156"/>
      <c r="E508" s="145"/>
      <c r="F508" s="174"/>
      <c r="G508" s="174"/>
    </row>
    <row r="509" spans="1:7" x14ac:dyDescent="0.3">
      <c r="A509" s="156"/>
      <c r="B509" s="151"/>
      <c r="C509" s="156"/>
      <c r="D509" s="156"/>
      <c r="E509" s="145"/>
      <c r="F509" s="174"/>
      <c r="G509" s="174"/>
    </row>
    <row r="510" spans="1:7" x14ac:dyDescent="0.3">
      <c r="A510" s="156"/>
      <c r="B510" s="151"/>
      <c r="C510" s="156"/>
      <c r="D510" s="156"/>
      <c r="E510" s="145"/>
      <c r="F510" s="174"/>
      <c r="G510" s="174"/>
    </row>
    <row r="511" spans="1:7" x14ac:dyDescent="0.3">
      <c r="A511" s="156"/>
      <c r="B511" s="151"/>
      <c r="C511" s="156"/>
      <c r="D511" s="156"/>
      <c r="E511" s="145"/>
      <c r="F511" s="174"/>
      <c r="G511" s="174"/>
    </row>
    <row r="512" spans="1:7" x14ac:dyDescent="0.3">
      <c r="A512" s="156"/>
      <c r="B512" s="151"/>
      <c r="C512" s="156"/>
      <c r="D512" s="156"/>
      <c r="E512" s="145"/>
      <c r="F512" s="174"/>
      <c r="G512" s="174"/>
    </row>
    <row r="513" spans="1:7" x14ac:dyDescent="0.3">
      <c r="A513" s="156"/>
      <c r="B513" s="151"/>
      <c r="C513" s="156"/>
      <c r="D513" s="156"/>
      <c r="E513" s="145"/>
      <c r="F513" s="174"/>
      <c r="G513" s="174"/>
    </row>
    <row r="514" spans="1:7" x14ac:dyDescent="0.3">
      <c r="A514" s="156"/>
      <c r="B514" s="151"/>
      <c r="C514" s="156"/>
      <c r="D514" s="156"/>
      <c r="E514" s="145"/>
      <c r="F514" s="174"/>
      <c r="G514" s="174"/>
    </row>
    <row r="515" spans="1:7" x14ac:dyDescent="0.3">
      <c r="A515" s="156"/>
      <c r="B515" s="151"/>
      <c r="C515" s="156"/>
      <c r="D515" s="156"/>
      <c r="E515" s="145"/>
      <c r="F515" s="145"/>
      <c r="G515" s="145"/>
    </row>
  </sheetData>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G5" r:id="rId1" xr:uid="{00000000-0004-0000-0C00-000000000000}"/>
    <hyperlink ref="E6" r:id="rId2" display="RESPONSE DYNAMIC MONITORING REPORT" xr:uid="{00000000-0004-0000-0C00-000001000000}"/>
    <hyperlink ref="F6" r:id="rId3" display="RESPONSE DYNAMIC MONITORING REPORT" xr:uid="{00000000-0004-0000-0C00-000002000000}"/>
    <hyperlink ref="B8" r:id="rId4" location="'Temp. Optional COVID 19 imp'!B15" xr:uid="{00000000-0004-0000-0C00-000003000000}"/>
    <hyperlink ref="B9" r:id="rId5" location="'Temp. Optional COVID 19 imp'!B20" xr:uid="{00000000-0004-0000-0C00-000004000000}"/>
  </hyperlinks>
  <pageMargins left="0.7" right="0.7" top="0.75" bottom="0.75" header="0.3" footer="0.3"/>
  <pageSetup paperSize="9" orientation="portrai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
  <sheetViews>
    <sheetView zoomScale="80" zoomScaleNormal="80" workbookViewId="0"/>
  </sheetViews>
  <sheetFormatPr defaultRowHeight="14.4" x14ac:dyDescent="0.3"/>
  <sheetData/>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
  <sheetViews>
    <sheetView zoomScale="80" zoomScaleNormal="80" workbookViewId="0"/>
  </sheetViews>
  <sheetFormatPr defaultRowHeight="14.4" x14ac:dyDescent="0.3"/>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A1:R43"/>
  <sheetViews>
    <sheetView zoomScale="80" zoomScaleNormal="80" workbookViewId="0">
      <selection activeCell="D6" sqref="D6:H6"/>
    </sheetView>
  </sheetViews>
  <sheetFormatPr defaultRowHeight="14.4" x14ac:dyDescent="0.3"/>
  <cols>
    <col min="1" max="1" width="9.109375" style="159" customWidth="1"/>
    <col min="2" max="10" width="12.44140625" style="159" customWidth="1"/>
    <col min="11" max="18" width="9.109375" style="159" customWidth="1"/>
  </cols>
  <sheetData>
    <row r="1" spans="2:10" ht="15.75" customHeight="1" thickBot="1" x14ac:dyDescent="0.35"/>
    <row r="2" spans="2:10" x14ac:dyDescent="0.3">
      <c r="B2" s="1"/>
      <c r="C2" s="2"/>
      <c r="D2" s="2"/>
      <c r="E2" s="2"/>
      <c r="F2" s="2"/>
      <c r="G2" s="2"/>
      <c r="H2" s="2"/>
      <c r="I2" s="2"/>
      <c r="J2" s="3"/>
    </row>
    <row r="3" spans="2:10" x14ac:dyDescent="0.3">
      <c r="B3" s="18"/>
      <c r="C3" s="13"/>
      <c r="D3" s="13"/>
      <c r="E3" s="13"/>
      <c r="F3" s="13"/>
      <c r="G3" s="13"/>
      <c r="H3" s="13"/>
      <c r="I3" s="13"/>
      <c r="J3" s="14"/>
    </row>
    <row r="4" spans="2:10" x14ac:dyDescent="0.3">
      <c r="B4" s="18"/>
      <c r="C4" s="13"/>
      <c r="D4" s="13"/>
      <c r="E4" s="13"/>
      <c r="F4" s="13"/>
      <c r="G4" s="13"/>
      <c r="H4" s="13"/>
      <c r="I4" s="13"/>
      <c r="J4" s="14"/>
    </row>
    <row r="5" spans="2:10" ht="31.5" customHeight="1" x14ac:dyDescent="0.35">
      <c r="B5" s="18"/>
      <c r="C5" s="13"/>
      <c r="D5" s="13"/>
      <c r="E5" s="4"/>
      <c r="F5" s="5" t="s">
        <v>161</v>
      </c>
      <c r="G5" s="13"/>
      <c r="H5" s="13"/>
      <c r="I5" s="13"/>
      <c r="J5" s="14"/>
    </row>
    <row r="6" spans="2:10" ht="41.25" customHeight="1" x14ac:dyDescent="0.3">
      <c r="B6" s="18"/>
      <c r="C6" s="13"/>
      <c r="D6" s="281" t="s">
        <v>162</v>
      </c>
      <c r="E6" s="282"/>
      <c r="F6" s="282"/>
      <c r="G6" s="282"/>
      <c r="H6" s="282"/>
      <c r="I6" s="13"/>
      <c r="J6" s="14"/>
    </row>
    <row r="7" spans="2:10" ht="26.25" customHeight="1" x14ac:dyDescent="0.3">
      <c r="B7" s="18"/>
      <c r="C7" s="13"/>
      <c r="D7" s="13"/>
      <c r="E7" s="13"/>
      <c r="F7" s="7" t="s">
        <v>163</v>
      </c>
      <c r="G7" s="13"/>
      <c r="H7" s="13"/>
      <c r="I7" s="13"/>
      <c r="J7" s="14"/>
    </row>
    <row r="8" spans="2:10" ht="26.25" customHeight="1" x14ac:dyDescent="0.3">
      <c r="B8" s="18"/>
      <c r="C8" s="13"/>
      <c r="D8" s="13"/>
      <c r="E8" s="13"/>
      <c r="F8" s="7" t="s">
        <v>164</v>
      </c>
      <c r="G8" s="13"/>
      <c r="H8" s="13"/>
      <c r="I8" s="13"/>
      <c r="J8" s="14"/>
    </row>
    <row r="9" spans="2:10" ht="21" customHeight="1" x14ac:dyDescent="0.3">
      <c r="B9" s="18"/>
      <c r="C9" s="13"/>
      <c r="D9" s="13"/>
      <c r="E9" s="13"/>
      <c r="F9" s="165" t="s">
        <v>165</v>
      </c>
      <c r="G9" s="13"/>
      <c r="H9" s="13"/>
      <c r="I9" s="13"/>
      <c r="J9" s="14"/>
    </row>
    <row r="10" spans="2:10" ht="21" customHeight="1" x14ac:dyDescent="0.3">
      <c r="B10" s="18"/>
      <c r="C10" s="13"/>
      <c r="D10" s="13"/>
      <c r="E10" s="13"/>
      <c r="F10" s="165" t="s">
        <v>166</v>
      </c>
      <c r="G10" s="13"/>
      <c r="H10" s="13"/>
      <c r="I10" s="13"/>
      <c r="J10" s="14"/>
    </row>
    <row r="11" spans="2:10" ht="21" customHeight="1" x14ac:dyDescent="0.3">
      <c r="B11" s="18"/>
      <c r="C11" s="13"/>
      <c r="D11" s="13"/>
      <c r="E11" s="13"/>
      <c r="F11" s="8"/>
      <c r="G11" s="13"/>
      <c r="H11" s="13"/>
      <c r="I11" s="13"/>
      <c r="J11" s="14"/>
    </row>
    <row r="12" spans="2:10" x14ac:dyDescent="0.3">
      <c r="B12" s="18"/>
      <c r="C12" s="13"/>
      <c r="D12" s="13"/>
      <c r="E12" s="13"/>
      <c r="F12" s="13"/>
      <c r="G12" s="13"/>
      <c r="H12" s="13"/>
      <c r="I12" s="13"/>
      <c r="J12" s="14"/>
    </row>
    <row r="13" spans="2:10" x14ac:dyDescent="0.3">
      <c r="B13" s="18"/>
      <c r="C13" s="13"/>
      <c r="D13" s="13"/>
      <c r="E13" s="13"/>
      <c r="F13" s="13"/>
      <c r="G13" s="13"/>
      <c r="H13" s="13"/>
      <c r="I13" s="13"/>
      <c r="J13" s="14"/>
    </row>
    <row r="14" spans="2:10" x14ac:dyDescent="0.3">
      <c r="B14" s="18"/>
      <c r="C14" s="13"/>
      <c r="D14" s="13"/>
      <c r="E14" s="13"/>
      <c r="F14" s="13"/>
      <c r="G14" s="13"/>
      <c r="H14" s="13"/>
      <c r="I14" s="13"/>
      <c r="J14" s="14"/>
    </row>
    <row r="15" spans="2:10" x14ac:dyDescent="0.3">
      <c r="B15" s="18"/>
      <c r="C15" s="13"/>
      <c r="D15" s="13"/>
      <c r="E15" s="13"/>
      <c r="F15" s="13"/>
      <c r="G15" s="13"/>
      <c r="H15" s="13"/>
      <c r="I15" s="13"/>
      <c r="J15" s="14"/>
    </row>
    <row r="16" spans="2:10" x14ac:dyDescent="0.3">
      <c r="B16" s="18"/>
      <c r="C16" s="13"/>
      <c r="D16" s="13"/>
      <c r="E16" s="13"/>
      <c r="F16" s="13"/>
      <c r="G16" s="13"/>
      <c r="H16" s="13"/>
      <c r="I16" s="13"/>
      <c r="J16" s="14"/>
    </row>
    <row r="17" spans="2:10" x14ac:dyDescent="0.3">
      <c r="B17" s="18"/>
      <c r="C17" s="13"/>
      <c r="D17" s="13"/>
      <c r="E17" s="13"/>
      <c r="F17" s="13"/>
      <c r="G17" s="13"/>
      <c r="H17" s="13"/>
      <c r="I17" s="13"/>
      <c r="J17" s="14"/>
    </row>
    <row r="18" spans="2:10" x14ac:dyDescent="0.3">
      <c r="B18" s="18"/>
      <c r="C18" s="13"/>
      <c r="D18" s="13"/>
      <c r="E18" s="13"/>
      <c r="F18" s="13"/>
      <c r="G18" s="13"/>
      <c r="H18" s="13"/>
      <c r="I18" s="13"/>
      <c r="J18" s="14"/>
    </row>
    <row r="19" spans="2:10" x14ac:dyDescent="0.3">
      <c r="B19" s="18"/>
      <c r="C19" s="13"/>
      <c r="D19" s="13"/>
      <c r="E19" s="13"/>
      <c r="F19" s="13"/>
      <c r="G19" s="13"/>
      <c r="H19" s="13"/>
      <c r="I19" s="13"/>
      <c r="J19" s="14"/>
    </row>
    <row r="20" spans="2:10" x14ac:dyDescent="0.3">
      <c r="B20" s="18"/>
      <c r="C20" s="13"/>
      <c r="D20" s="13"/>
      <c r="E20" s="13"/>
      <c r="F20" s="13"/>
      <c r="G20" s="13"/>
      <c r="H20" s="13"/>
      <c r="I20" s="13"/>
      <c r="J20" s="14"/>
    </row>
    <row r="21" spans="2:10" x14ac:dyDescent="0.3">
      <c r="B21" s="18"/>
      <c r="C21" s="13"/>
      <c r="D21" s="13"/>
      <c r="E21" s="13"/>
      <c r="F21" s="13"/>
      <c r="G21" s="13"/>
      <c r="H21" s="13"/>
      <c r="I21" s="13"/>
      <c r="J21" s="14"/>
    </row>
    <row r="22" spans="2:10" x14ac:dyDescent="0.3">
      <c r="B22" s="18"/>
      <c r="C22" s="13"/>
      <c r="D22" s="13"/>
      <c r="E22" s="13"/>
      <c r="F22" s="19" t="s">
        <v>167</v>
      </c>
      <c r="G22" s="13"/>
      <c r="H22" s="13"/>
      <c r="I22" s="13"/>
      <c r="J22" s="14"/>
    </row>
    <row r="23" spans="2:10" x14ac:dyDescent="0.3">
      <c r="B23" s="18"/>
      <c r="C23" s="13"/>
      <c r="D23" s="13"/>
      <c r="E23" s="13"/>
      <c r="F23" s="17"/>
      <c r="G23" s="13"/>
      <c r="H23" s="13"/>
      <c r="I23" s="13"/>
      <c r="J23" s="14"/>
    </row>
    <row r="24" spans="2:10" x14ac:dyDescent="0.3">
      <c r="B24" s="18"/>
      <c r="C24" s="13"/>
      <c r="D24" s="284" t="s">
        <v>168</v>
      </c>
      <c r="E24" s="282"/>
      <c r="F24" s="282"/>
      <c r="G24" s="282"/>
      <c r="H24" s="282"/>
      <c r="I24" s="13"/>
      <c r="J24" s="14"/>
    </row>
    <row r="25" spans="2:10" x14ac:dyDescent="0.3">
      <c r="B25" s="18"/>
      <c r="C25" s="13"/>
      <c r="D25" s="13"/>
      <c r="H25" s="13"/>
      <c r="I25" s="13"/>
      <c r="J25" s="14"/>
    </row>
    <row r="26" spans="2:10" x14ac:dyDescent="0.3">
      <c r="B26" s="18"/>
      <c r="C26" s="13"/>
      <c r="D26" s="284" t="s">
        <v>169</v>
      </c>
      <c r="E26" s="282"/>
      <c r="F26" s="282"/>
      <c r="G26" s="282"/>
      <c r="H26" s="282"/>
      <c r="I26" s="13"/>
      <c r="J26" s="14"/>
    </row>
    <row r="27" spans="2:10" x14ac:dyDescent="0.3">
      <c r="B27" s="18"/>
      <c r="C27" s="13"/>
      <c r="D27" s="160"/>
      <c r="E27" s="160"/>
      <c r="F27" s="160"/>
      <c r="G27" s="160"/>
      <c r="H27" s="160"/>
      <c r="I27" s="13"/>
      <c r="J27" s="14"/>
    </row>
    <row r="28" spans="2:10" x14ac:dyDescent="0.3">
      <c r="B28" s="18"/>
      <c r="C28" s="13"/>
      <c r="D28" s="284" t="s">
        <v>170</v>
      </c>
      <c r="E28" s="282"/>
      <c r="F28" s="282"/>
      <c r="G28" s="282"/>
      <c r="H28" s="282"/>
      <c r="I28" s="13"/>
      <c r="J28" s="14"/>
    </row>
    <row r="29" spans="2:10" x14ac:dyDescent="0.3">
      <c r="B29" s="18"/>
      <c r="C29" s="13"/>
      <c r="D29" s="160"/>
      <c r="E29" s="160"/>
      <c r="F29" s="160"/>
      <c r="G29" s="160"/>
      <c r="H29" s="160"/>
      <c r="I29" s="13"/>
      <c r="J29" s="14"/>
    </row>
    <row r="30" spans="2:10" x14ac:dyDescent="0.3">
      <c r="B30" s="18"/>
      <c r="C30" s="13"/>
      <c r="D30" s="284" t="s">
        <v>171</v>
      </c>
      <c r="E30" s="282"/>
      <c r="F30" s="282"/>
      <c r="G30" s="282"/>
      <c r="H30" s="282"/>
      <c r="I30" s="13"/>
      <c r="J30" s="14"/>
    </row>
    <row r="31" spans="2:10" x14ac:dyDescent="0.3">
      <c r="B31" s="18"/>
      <c r="C31" s="13"/>
      <c r="D31" s="160"/>
      <c r="E31" s="160"/>
      <c r="F31" s="160"/>
      <c r="G31" s="160"/>
      <c r="H31" s="160"/>
      <c r="I31" s="13"/>
      <c r="J31" s="14"/>
    </row>
    <row r="32" spans="2:10" x14ac:dyDescent="0.3">
      <c r="B32" s="18"/>
      <c r="C32" s="13"/>
      <c r="D32" s="284" t="s">
        <v>172</v>
      </c>
      <c r="E32" s="282"/>
      <c r="F32" s="282"/>
      <c r="G32" s="282"/>
      <c r="H32" s="282"/>
      <c r="I32" s="13"/>
      <c r="J32" s="14"/>
    </row>
    <row r="33" spans="2:10" x14ac:dyDescent="0.3">
      <c r="B33" s="18"/>
      <c r="C33" s="13"/>
      <c r="I33" s="13"/>
      <c r="J33" s="14"/>
    </row>
    <row r="34" spans="2:10" x14ac:dyDescent="0.3">
      <c r="B34" s="18"/>
      <c r="C34" s="13"/>
      <c r="D34" s="284" t="s">
        <v>173</v>
      </c>
      <c r="E34" s="282"/>
      <c r="F34" s="282"/>
      <c r="G34" s="282"/>
      <c r="H34" s="282"/>
      <c r="I34" s="13"/>
      <c r="J34" s="14"/>
    </row>
    <row r="35" spans="2:10" x14ac:dyDescent="0.3">
      <c r="B35" s="18"/>
      <c r="C35" s="13"/>
      <c r="D35" s="13"/>
      <c r="E35" s="13"/>
      <c r="F35" s="13"/>
      <c r="G35" s="13"/>
      <c r="H35" s="13"/>
      <c r="I35" s="13"/>
      <c r="J35" s="14"/>
    </row>
    <row r="36" spans="2:10" x14ac:dyDescent="0.3">
      <c r="B36" s="18"/>
      <c r="C36" s="13"/>
      <c r="D36" s="283" t="s">
        <v>174</v>
      </c>
      <c r="E36" s="282"/>
      <c r="F36" s="282"/>
      <c r="G36" s="282"/>
      <c r="H36" s="282"/>
      <c r="I36" s="13"/>
      <c r="J36" s="14"/>
    </row>
    <row r="37" spans="2:10" x14ac:dyDescent="0.3">
      <c r="B37" s="18"/>
      <c r="C37" s="13"/>
      <c r="D37" s="13"/>
      <c r="E37" s="13"/>
      <c r="F37" s="17"/>
      <c r="G37" s="13"/>
      <c r="H37" s="13"/>
      <c r="I37" s="13"/>
      <c r="J37" s="14"/>
    </row>
    <row r="38" spans="2:10" x14ac:dyDescent="0.3">
      <c r="B38" s="18"/>
      <c r="C38" s="13"/>
      <c r="D38" s="283" t="s">
        <v>175</v>
      </c>
      <c r="E38" s="282"/>
      <c r="F38" s="282"/>
      <c r="G38" s="282"/>
      <c r="H38" s="282"/>
      <c r="I38" s="13"/>
      <c r="J38" s="14"/>
    </row>
    <row r="39" spans="2:10" x14ac:dyDescent="0.3">
      <c r="B39" s="18"/>
      <c r="C39" s="13"/>
      <c r="I39" s="13"/>
      <c r="J39" s="14"/>
    </row>
    <row r="40" spans="2:10" x14ac:dyDescent="0.3">
      <c r="B40" s="18"/>
      <c r="C40" s="13"/>
      <c r="D40" s="283" t="s">
        <v>176</v>
      </c>
      <c r="E40" s="282"/>
      <c r="F40" s="282"/>
      <c r="G40" s="282"/>
      <c r="H40" s="282"/>
      <c r="I40" s="13"/>
      <c r="J40" s="14"/>
    </row>
    <row r="41" spans="2:10" x14ac:dyDescent="0.3">
      <c r="B41" s="18"/>
      <c r="C41" s="13"/>
      <c r="D41" s="13"/>
      <c r="E41" s="160"/>
      <c r="F41" s="160"/>
      <c r="G41" s="160"/>
      <c r="H41" s="160"/>
      <c r="I41" s="13"/>
      <c r="J41" s="14"/>
    </row>
    <row r="42" spans="2:10" x14ac:dyDescent="0.3">
      <c r="B42" s="18"/>
      <c r="C42" s="13"/>
      <c r="D42" s="283" t="s">
        <v>177</v>
      </c>
      <c r="E42" s="282"/>
      <c r="F42" s="282"/>
      <c r="G42" s="282"/>
      <c r="H42" s="282"/>
      <c r="I42" s="13"/>
      <c r="J42" s="14"/>
    </row>
    <row r="43" spans="2:10" ht="15.75" customHeight="1" thickBot="1" x14ac:dyDescent="0.35">
      <c r="B43" s="9"/>
      <c r="C43" s="10"/>
      <c r="D43" s="10"/>
      <c r="E43" s="10"/>
      <c r="F43" s="10"/>
      <c r="G43" s="10"/>
      <c r="H43" s="10"/>
      <c r="I43" s="10"/>
      <c r="J43" s="11"/>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 r:id="rId1" location="'A. HTT General'!A1" xr:uid="{00000000-0004-0000-0100-000000000000}"/>
    <hyperlink ref="D26" r:id="rId2" location="'B1. HTT Mortgage Assets'!A1" xr:uid="{00000000-0004-0000-0100-000001000000}"/>
    <hyperlink ref="D28" r:id="rId3" location="'B2. HTT Public Sector Assets'!A1" xr:uid="{00000000-0004-0000-0100-000002000000}"/>
    <hyperlink ref="D30" r:id="rId4" location="'B3. HTT Shipping Assets'!A1" xr:uid="{00000000-0004-0000-0100-000003000000}"/>
    <hyperlink ref="D32" r:id="rId5" location="'C. HTT Harmonised Glossary'!A1" xr:uid="{00000000-0004-0000-0100-000004000000}"/>
    <hyperlink ref="D34" r:id="rId6" location="'Disclaimer'!A1" xr:uid="{00000000-0004-0000-0100-000005000000}"/>
    <hyperlink ref="D36" r:id="rId7" location="'D. Insert Nat Trans Templ'!A1" xr:uid="{00000000-0004-0000-0100-000006000000}"/>
    <hyperlink ref="D38" r:id="rId8" location="'E. Optional ECB-ECAIs data'!A1" xr:uid="{00000000-0004-0000-0100-000007000000}"/>
    <hyperlink ref="D40" r:id="rId9" location="'F1. Optional Sustainable M data'!A1" xr:uid="{00000000-0004-0000-0100-000008000000}"/>
    <hyperlink ref="D42" r:id="rId10" location="'Temp. Optional COVID 19 imp'!A1" xr:uid="{00000000-0004-0000-0100-000009000000}"/>
  </hyperlinks>
  <printOptions horizontalCentered="1" verticalCentered="1"/>
  <pageMargins left="0.70866141732283472" right="0.70866141732283472" top="0.74803149606299213" bottom="0.74803149606299213" header="0.31496062992125978" footer="0.31496062992125978"/>
  <pageSetup paperSize="9" scale="50" orientation="landscape"/>
  <headerFooter>
    <oddHeader>&amp;R&amp;G</oddHeader>
  </headerFooter>
  <drawing r:id="rId1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pageSetUpPr fitToPage="1"/>
  </sheetPr>
  <dimension ref="A1:R90"/>
  <sheetViews>
    <sheetView topLeftCell="B1" zoomScale="80" zoomScaleNormal="80" workbookViewId="0">
      <selection activeCell="F6" sqref="F6"/>
    </sheetView>
  </sheetViews>
  <sheetFormatPr defaultColWidth="8.88671875" defaultRowHeight="14.4" x14ac:dyDescent="0.3"/>
  <cols>
    <col min="1" max="1" width="8.88671875" style="159" customWidth="1"/>
    <col min="2" max="10" width="28" style="159" customWidth="1"/>
    <col min="11" max="18" width="8.88671875" style="159" customWidth="1"/>
  </cols>
  <sheetData>
    <row r="1" spans="1:14" ht="15.75" customHeight="1" thickBot="1" x14ac:dyDescent="0.35">
      <c r="A1" s="12"/>
    </row>
    <row r="2" spans="1:14" x14ac:dyDescent="0.3">
      <c r="B2" s="1"/>
      <c r="C2" s="2"/>
      <c r="D2" s="2"/>
      <c r="E2" s="2"/>
      <c r="F2" s="2"/>
      <c r="G2" s="2"/>
      <c r="H2" s="2"/>
      <c r="I2" s="2"/>
      <c r="J2" s="3"/>
    </row>
    <row r="3" spans="1:14" x14ac:dyDescent="0.3">
      <c r="B3" s="18"/>
      <c r="C3" s="13"/>
      <c r="D3" s="13"/>
      <c r="E3" s="13"/>
      <c r="F3" s="13"/>
      <c r="G3" s="13"/>
      <c r="H3" s="13"/>
      <c r="I3" s="13"/>
      <c r="J3" s="14"/>
    </row>
    <row r="4" spans="1:14" x14ac:dyDescent="0.3">
      <c r="B4" s="18"/>
      <c r="C4" s="13"/>
      <c r="D4" s="13"/>
      <c r="E4" s="13"/>
      <c r="F4" s="13"/>
      <c r="G4" s="13"/>
      <c r="H4" s="13"/>
      <c r="I4" s="13"/>
      <c r="J4" s="14"/>
    </row>
    <row r="5" spans="1:14" ht="31.5" customHeight="1" x14ac:dyDescent="0.3">
      <c r="B5" s="18"/>
      <c r="C5" s="13"/>
      <c r="D5" s="13"/>
      <c r="E5" s="5"/>
      <c r="F5" s="5" t="s">
        <v>178</v>
      </c>
      <c r="G5" s="5"/>
      <c r="I5" s="5"/>
      <c r="J5" s="14"/>
    </row>
    <row r="6" spans="1:14" x14ac:dyDescent="0.3">
      <c r="B6" s="18"/>
      <c r="C6" s="13"/>
      <c r="D6" s="13"/>
      <c r="E6" s="6"/>
      <c r="F6" s="6"/>
      <c r="G6" s="6"/>
      <c r="I6" s="6"/>
      <c r="J6" s="14"/>
    </row>
    <row r="7" spans="1:14" ht="26.25" customHeight="1" x14ac:dyDescent="0.3">
      <c r="B7" s="18"/>
      <c r="C7" s="13"/>
      <c r="D7" s="13"/>
      <c r="E7" s="7"/>
      <c r="F7" s="7" t="s">
        <v>179</v>
      </c>
      <c r="G7" s="7"/>
      <c r="I7" s="7"/>
      <c r="J7" s="14"/>
    </row>
    <row r="8" spans="1:14" ht="26.25" customHeight="1" x14ac:dyDescent="0.3">
      <c r="B8" s="18"/>
      <c r="C8" s="13"/>
      <c r="D8" s="13"/>
      <c r="E8" s="13"/>
      <c r="F8" s="7"/>
      <c r="G8" s="7"/>
      <c r="H8" s="7"/>
      <c r="I8" s="7"/>
      <c r="J8" s="14"/>
    </row>
    <row r="9" spans="1:14" x14ac:dyDescent="0.3">
      <c r="B9" s="18"/>
      <c r="C9" t="s">
        <v>180</v>
      </c>
      <c r="D9" s="13"/>
      <c r="E9" s="13"/>
      <c r="F9" s="13"/>
      <c r="G9" s="13"/>
      <c r="H9" s="13"/>
      <c r="I9" s="13"/>
      <c r="J9" s="14"/>
      <c r="N9" s="13"/>
    </row>
    <row r="10" spans="1:14" x14ac:dyDescent="0.3">
      <c r="B10" s="18"/>
      <c r="C10" t="s">
        <v>181</v>
      </c>
      <c r="F10" s="13"/>
      <c r="G10" s="13"/>
      <c r="H10" s="13"/>
      <c r="I10" s="13"/>
      <c r="J10" s="14"/>
      <c r="N10" s="13"/>
    </row>
    <row r="11" spans="1:14" x14ac:dyDescent="0.3">
      <c r="B11" s="18"/>
      <c r="C11" t="s">
        <v>182</v>
      </c>
      <c r="D11" s="13"/>
      <c r="E11" s="13"/>
      <c r="F11" s="13"/>
      <c r="G11" s="13"/>
      <c r="H11" s="13"/>
      <c r="I11" s="13"/>
      <c r="J11" s="14"/>
    </row>
    <row r="12" spans="1:14" x14ac:dyDescent="0.3">
      <c r="B12" s="18"/>
      <c r="D12" t="s">
        <v>183</v>
      </c>
      <c r="E12" s="13"/>
      <c r="F12" s="13"/>
      <c r="G12" s="13"/>
      <c r="H12" s="13"/>
      <c r="I12" s="13"/>
      <c r="J12" s="14"/>
    </row>
    <row r="13" spans="1:14" x14ac:dyDescent="0.3">
      <c r="B13" s="18"/>
      <c r="D13" t="s">
        <v>184</v>
      </c>
      <c r="E13" s="13"/>
      <c r="F13" s="13"/>
      <c r="G13" s="13"/>
      <c r="H13" s="13"/>
      <c r="I13" s="13"/>
      <c r="J13" s="14"/>
    </row>
    <row r="14" spans="1:14" x14ac:dyDescent="0.3">
      <c r="B14" s="18"/>
      <c r="D14" t="s">
        <v>185</v>
      </c>
      <c r="E14" s="13"/>
      <c r="F14" s="13"/>
      <c r="G14" s="13"/>
      <c r="H14" s="13"/>
      <c r="I14" s="13"/>
      <c r="J14" s="14"/>
    </row>
    <row r="15" spans="1:14" x14ac:dyDescent="0.3">
      <c r="B15" s="18"/>
      <c r="D15" t="s">
        <v>186</v>
      </c>
      <c r="E15" s="13"/>
      <c r="F15" s="13"/>
      <c r="G15" s="13"/>
      <c r="H15" s="13"/>
      <c r="I15" s="13"/>
      <c r="J15" s="14"/>
    </row>
    <row r="16" spans="1:14" x14ac:dyDescent="0.3">
      <c r="B16" s="15"/>
      <c r="D16" t="s">
        <v>187</v>
      </c>
      <c r="E16" s="13"/>
      <c r="J16" s="16"/>
    </row>
    <row r="17" spans="2:14" x14ac:dyDescent="0.3">
      <c r="B17" s="18"/>
      <c r="C17" t="s">
        <v>188</v>
      </c>
      <c r="F17" s="17"/>
      <c r="G17" s="17"/>
      <c r="H17" s="17"/>
      <c r="I17" s="17"/>
      <c r="J17" s="14"/>
    </row>
    <row r="18" spans="2:14" x14ac:dyDescent="0.3">
      <c r="B18" s="18"/>
      <c r="C18" t="s">
        <v>189</v>
      </c>
      <c r="E18" s="13"/>
      <c r="F18" s="17"/>
      <c r="G18" s="17"/>
      <c r="H18" s="17"/>
      <c r="I18" s="17"/>
      <c r="J18" s="14"/>
    </row>
    <row r="19" spans="2:14" x14ac:dyDescent="0.3">
      <c r="B19" s="18"/>
      <c r="C19" t="s">
        <v>190</v>
      </c>
      <c r="E19" s="13"/>
      <c r="F19" s="17"/>
      <c r="G19" s="17"/>
      <c r="H19" s="17"/>
      <c r="I19" s="17"/>
      <c r="J19" s="14"/>
    </row>
    <row r="20" spans="2:14" x14ac:dyDescent="0.3">
      <c r="B20" s="18"/>
      <c r="D20" t="s">
        <v>191</v>
      </c>
      <c r="E20" s="13"/>
      <c r="F20" s="19"/>
      <c r="G20" s="19"/>
      <c r="H20" s="19"/>
      <c r="I20" s="19"/>
      <c r="J20" s="14"/>
      <c r="N20" s="13"/>
    </row>
    <row r="21" spans="2:14" x14ac:dyDescent="0.3">
      <c r="B21" s="18"/>
      <c r="D21" t="s">
        <v>192</v>
      </c>
      <c r="E21" s="13"/>
      <c r="F21" s="19"/>
      <c r="G21" s="19"/>
      <c r="H21" s="19"/>
      <c r="I21" s="19"/>
      <c r="J21" s="14"/>
    </row>
    <row r="22" spans="2:14" x14ac:dyDescent="0.3">
      <c r="B22" s="18"/>
      <c r="C22" t="s">
        <v>193</v>
      </c>
      <c r="D22" s="13"/>
      <c r="E22" s="13"/>
      <c r="F22" s="19"/>
      <c r="G22" s="19"/>
      <c r="H22" s="19"/>
      <c r="I22" s="19"/>
      <c r="J22" s="14"/>
    </row>
    <row r="23" spans="2:14" x14ac:dyDescent="0.3">
      <c r="B23" s="18"/>
      <c r="D23" t="s">
        <v>194</v>
      </c>
      <c r="F23" s="19"/>
      <c r="G23" s="19"/>
      <c r="H23" s="19"/>
      <c r="I23" s="19"/>
      <c r="J23" s="14"/>
    </row>
    <row r="24" spans="2:14" x14ac:dyDescent="0.3">
      <c r="B24" s="18"/>
      <c r="C24" t="s">
        <v>195</v>
      </c>
      <c r="F24" s="19"/>
      <c r="G24" s="19"/>
      <c r="H24" s="19"/>
      <c r="I24" s="19"/>
      <c r="J24" s="14"/>
    </row>
    <row r="25" spans="2:14" ht="15" customHeight="1" x14ac:dyDescent="0.3">
      <c r="B25" s="18"/>
      <c r="C25" s="285" t="s">
        <v>196</v>
      </c>
      <c r="D25" s="282"/>
      <c r="E25" s="282"/>
      <c r="F25" s="282"/>
      <c r="G25" s="282"/>
      <c r="H25" s="282"/>
      <c r="I25" s="19"/>
      <c r="J25" s="14"/>
    </row>
    <row r="26" spans="2:14" x14ac:dyDescent="0.3">
      <c r="B26" s="18"/>
      <c r="C26" s="282"/>
      <c r="D26" s="282"/>
      <c r="E26" s="282"/>
      <c r="F26" s="282"/>
      <c r="G26" s="282"/>
      <c r="H26" s="282"/>
      <c r="I26" s="19"/>
      <c r="J26" s="14"/>
    </row>
    <row r="27" spans="2:14" x14ac:dyDescent="0.3">
      <c r="B27" s="18"/>
      <c r="C27" s="285" t="s">
        <v>197</v>
      </c>
      <c r="D27" s="282"/>
      <c r="E27" s="282"/>
      <c r="F27" s="282"/>
      <c r="G27" s="282"/>
      <c r="H27" s="282"/>
      <c r="I27" s="19"/>
      <c r="J27" s="14"/>
    </row>
    <row r="28" spans="2:14" x14ac:dyDescent="0.3">
      <c r="B28" s="18"/>
      <c r="C28" s="282"/>
      <c r="D28" s="282"/>
      <c r="E28" s="282"/>
      <c r="F28" s="282"/>
      <c r="G28" s="282"/>
      <c r="H28" s="282"/>
      <c r="I28" s="19"/>
      <c r="J28" s="14"/>
    </row>
    <row r="29" spans="2:14" x14ac:dyDescent="0.3">
      <c r="B29" s="18"/>
      <c r="C29" s="285" t="s">
        <v>198</v>
      </c>
      <c r="D29" s="282"/>
      <c r="E29" s="282"/>
      <c r="F29" s="282"/>
      <c r="G29" s="282"/>
      <c r="H29" s="282"/>
      <c r="I29" s="19"/>
      <c r="J29" s="14"/>
    </row>
    <row r="30" spans="2:14" x14ac:dyDescent="0.3">
      <c r="B30" s="18"/>
      <c r="C30" s="282"/>
      <c r="D30" s="282"/>
      <c r="E30" s="282"/>
      <c r="F30" s="282"/>
      <c r="G30" s="282"/>
      <c r="H30" s="282"/>
      <c r="I30" s="19"/>
      <c r="J30" s="14"/>
    </row>
    <row r="31" spans="2:14" x14ac:dyDescent="0.3">
      <c r="B31" s="18"/>
      <c r="C31" t="s">
        <v>199</v>
      </c>
      <c r="F31" s="19"/>
      <c r="G31" s="19"/>
      <c r="H31" s="19"/>
      <c r="I31" s="19"/>
      <c r="J31" s="14"/>
    </row>
    <row r="32" spans="2:14" x14ac:dyDescent="0.3">
      <c r="B32" s="18"/>
      <c r="D32" t="s">
        <v>200</v>
      </c>
      <c r="F32" s="19"/>
      <c r="G32" s="19"/>
      <c r="H32" s="19"/>
      <c r="I32" s="19"/>
      <c r="J32" s="14"/>
    </row>
    <row r="33" spans="2:10" x14ac:dyDescent="0.3">
      <c r="B33" s="18"/>
      <c r="D33" t="s">
        <v>201</v>
      </c>
      <c r="F33" s="19"/>
      <c r="G33" s="19"/>
      <c r="H33" s="19"/>
      <c r="I33" s="19"/>
      <c r="J33" s="14"/>
    </row>
    <row r="34" spans="2:10" x14ac:dyDescent="0.3">
      <c r="B34" s="18"/>
      <c r="D34" t="s">
        <v>202</v>
      </c>
      <c r="F34" s="19"/>
      <c r="G34" s="19"/>
      <c r="H34" s="19"/>
      <c r="I34" s="19"/>
      <c r="J34" s="14"/>
    </row>
    <row r="35" spans="2:10" x14ac:dyDescent="0.3">
      <c r="B35" s="18"/>
      <c r="F35" s="19"/>
      <c r="G35" s="19"/>
      <c r="H35" s="19"/>
      <c r="I35" s="19"/>
      <c r="J35" s="14"/>
    </row>
    <row r="36" spans="2:10" x14ac:dyDescent="0.3">
      <c r="B36" s="18"/>
      <c r="F36" s="19"/>
      <c r="G36" s="19"/>
      <c r="H36" s="19"/>
      <c r="I36" s="19"/>
      <c r="J36" s="14"/>
    </row>
    <row r="37" spans="2:10" x14ac:dyDescent="0.3">
      <c r="B37" s="18"/>
      <c r="F37" s="19"/>
      <c r="G37" s="19"/>
      <c r="H37" s="19"/>
      <c r="I37" s="19"/>
      <c r="J37" s="14"/>
    </row>
    <row r="38" spans="2:10" x14ac:dyDescent="0.3">
      <c r="B38" s="18"/>
      <c r="F38" s="19"/>
      <c r="G38" s="19"/>
      <c r="H38" s="19"/>
      <c r="I38" s="19"/>
      <c r="J38" s="14"/>
    </row>
    <row r="39" spans="2:10" ht="15.75" customHeight="1" thickBot="1" x14ac:dyDescent="0.35">
      <c r="B39" s="9"/>
      <c r="C39" s="20"/>
      <c r="D39" s="20"/>
      <c r="E39" s="10"/>
      <c r="F39" s="10"/>
      <c r="G39" s="10"/>
      <c r="H39" s="10"/>
      <c r="I39" s="10"/>
      <c r="J39" s="11"/>
    </row>
    <row r="40" spans="2:10" ht="15.75" customHeight="1" thickBot="1" x14ac:dyDescent="0.35"/>
    <row r="41" spans="2:10" x14ac:dyDescent="0.3">
      <c r="B41" s="1"/>
      <c r="C41" s="2"/>
      <c r="D41" s="2"/>
      <c r="E41" s="2"/>
      <c r="F41" s="2"/>
      <c r="G41" s="2"/>
      <c r="H41" s="2"/>
      <c r="I41" s="2"/>
      <c r="J41" s="3"/>
    </row>
    <row r="42" spans="2:10" x14ac:dyDescent="0.3">
      <c r="B42" s="18"/>
      <c r="C42" s="13"/>
      <c r="D42" s="13"/>
      <c r="E42" s="13"/>
      <c r="F42" s="13"/>
      <c r="G42" s="13"/>
      <c r="H42" s="13"/>
      <c r="I42" s="13"/>
      <c r="J42" s="14"/>
    </row>
    <row r="43" spans="2:10" x14ac:dyDescent="0.3">
      <c r="B43" s="18"/>
      <c r="C43" s="13"/>
      <c r="D43" s="13"/>
      <c r="E43" s="13"/>
      <c r="F43" s="13"/>
      <c r="G43" s="13"/>
      <c r="H43" s="13"/>
      <c r="I43" s="13"/>
      <c r="J43" s="14"/>
    </row>
    <row r="44" spans="2:10" x14ac:dyDescent="0.3">
      <c r="B44" s="18"/>
      <c r="C44" s="13"/>
      <c r="D44" s="13"/>
      <c r="E44" s="13"/>
      <c r="F44" s="13"/>
      <c r="G44" s="13"/>
      <c r="H44" s="13"/>
      <c r="I44" s="13"/>
      <c r="J44" s="14"/>
    </row>
    <row r="45" spans="2:10" x14ac:dyDescent="0.3">
      <c r="B45" s="18"/>
      <c r="C45" s="30" t="s">
        <v>203</v>
      </c>
      <c r="D45" s="13"/>
      <c r="E45" s="13"/>
      <c r="F45" s="21"/>
      <c r="G45" s="13"/>
      <c r="H45" s="13"/>
      <c r="I45" s="13"/>
      <c r="J45" s="14"/>
    </row>
    <row r="46" spans="2:10" x14ac:dyDescent="0.3">
      <c r="B46" s="18"/>
      <c r="C46" s="13"/>
      <c r="D46" s="13"/>
      <c r="E46" s="13"/>
      <c r="G46" s="13"/>
      <c r="H46" s="13"/>
      <c r="I46" s="13"/>
      <c r="J46" s="14"/>
    </row>
    <row r="47" spans="2:10" x14ac:dyDescent="0.3">
      <c r="B47" s="18"/>
      <c r="C47" s="13" t="s">
        <v>204</v>
      </c>
      <c r="D47" s="13"/>
      <c r="E47" s="13"/>
      <c r="F47" s="6"/>
      <c r="G47" s="13" t="s">
        <v>205</v>
      </c>
      <c r="H47" s="6"/>
      <c r="I47" s="6"/>
      <c r="J47" s="14"/>
    </row>
    <row r="48" spans="2:10" x14ac:dyDescent="0.3">
      <c r="B48" s="18"/>
      <c r="C48" s="13" t="s">
        <v>206</v>
      </c>
      <c r="D48" s="13"/>
      <c r="E48" s="13"/>
      <c r="F48" s="6"/>
      <c r="G48" s="13" t="s">
        <v>207</v>
      </c>
      <c r="H48" s="6"/>
      <c r="I48" s="6"/>
      <c r="J48" s="14"/>
    </row>
    <row r="49" spans="2:10" x14ac:dyDescent="0.3">
      <c r="B49" s="18"/>
      <c r="C49" s="13">
        <v>3</v>
      </c>
      <c r="D49" s="13"/>
      <c r="E49" s="13"/>
      <c r="F49" s="6"/>
      <c r="G49" s="13" t="s">
        <v>208</v>
      </c>
      <c r="H49" s="6"/>
      <c r="I49" s="6"/>
      <c r="J49" s="14"/>
    </row>
    <row r="50" spans="2:10" ht="26.25" customHeight="1" x14ac:dyDescent="0.3">
      <c r="B50" s="18"/>
      <c r="C50" s="13"/>
      <c r="D50" s="13"/>
      <c r="E50" s="13"/>
      <c r="F50" s="7"/>
      <c r="G50" s="7"/>
      <c r="H50" s="7"/>
      <c r="I50" s="7"/>
      <c r="J50" s="14"/>
    </row>
    <row r="51" spans="2:10" x14ac:dyDescent="0.3">
      <c r="B51" s="18"/>
      <c r="D51" s="13"/>
      <c r="E51" s="13"/>
      <c r="F51" s="13"/>
      <c r="G51" s="13"/>
      <c r="H51" s="13"/>
      <c r="I51" s="13"/>
      <c r="J51" s="14"/>
    </row>
    <row r="52" spans="2:10" x14ac:dyDescent="0.3">
      <c r="B52" s="18"/>
      <c r="D52" s="13"/>
      <c r="E52" s="13"/>
      <c r="F52" s="13"/>
      <c r="G52" s="13"/>
      <c r="H52" s="13"/>
      <c r="I52" s="13"/>
      <c r="J52" s="14"/>
    </row>
    <row r="53" spans="2:10" x14ac:dyDescent="0.3">
      <c r="B53" s="18"/>
      <c r="E53" s="13"/>
      <c r="F53" s="21"/>
      <c r="G53" s="13"/>
      <c r="H53" s="13"/>
      <c r="I53" s="13"/>
      <c r="J53" s="14"/>
    </row>
    <row r="54" spans="2:10" x14ac:dyDescent="0.3">
      <c r="B54" s="18"/>
      <c r="E54" s="13"/>
      <c r="F54" s="13"/>
      <c r="G54" s="13"/>
      <c r="H54" s="13"/>
      <c r="I54" s="13"/>
      <c r="J54" s="14"/>
    </row>
    <row r="55" spans="2:10" x14ac:dyDescent="0.3">
      <c r="B55" s="18"/>
      <c r="E55" s="13"/>
      <c r="F55" s="13"/>
      <c r="G55" s="13"/>
      <c r="H55" s="13"/>
      <c r="I55" s="13"/>
      <c r="J55" s="14"/>
    </row>
    <row r="56" spans="2:10" x14ac:dyDescent="0.3">
      <c r="B56" s="18"/>
      <c r="E56" s="13"/>
      <c r="F56" s="13"/>
      <c r="G56" s="13"/>
      <c r="H56" s="13"/>
      <c r="I56" s="13"/>
      <c r="J56" s="14"/>
    </row>
    <row r="57" spans="2:10" x14ac:dyDescent="0.3">
      <c r="B57" s="18"/>
      <c r="E57" s="13"/>
      <c r="F57" s="13"/>
      <c r="G57" s="13"/>
      <c r="H57" s="13"/>
      <c r="I57" s="13"/>
      <c r="J57" s="14"/>
    </row>
    <row r="58" spans="2:10" x14ac:dyDescent="0.3">
      <c r="B58" s="15"/>
      <c r="J58" s="16"/>
    </row>
    <row r="59" spans="2:10" x14ac:dyDescent="0.3">
      <c r="B59" s="18"/>
      <c r="D59" s="13"/>
      <c r="E59" s="13"/>
      <c r="F59" s="13"/>
      <c r="G59" s="13"/>
      <c r="H59" s="13"/>
      <c r="I59" s="13"/>
      <c r="J59" s="14"/>
    </row>
    <row r="60" spans="2:10" x14ac:dyDescent="0.3">
      <c r="B60" s="18"/>
      <c r="E60" s="13"/>
      <c r="F60" s="17"/>
      <c r="G60" s="17"/>
      <c r="H60" s="17"/>
      <c r="I60" s="17"/>
      <c r="J60" s="14"/>
    </row>
    <row r="61" spans="2:10" x14ac:dyDescent="0.3">
      <c r="B61" s="18"/>
      <c r="E61" s="13"/>
      <c r="F61" s="17"/>
      <c r="G61" s="17"/>
      <c r="H61" s="17"/>
      <c r="I61" s="17"/>
      <c r="J61" s="14"/>
    </row>
    <row r="62" spans="2:10" x14ac:dyDescent="0.3">
      <c r="B62" s="18"/>
      <c r="D62" s="13"/>
      <c r="E62" s="13"/>
      <c r="F62" s="19"/>
      <c r="G62" s="19"/>
      <c r="H62" s="19"/>
      <c r="I62" s="19"/>
      <c r="J62" s="14"/>
    </row>
    <row r="63" spans="2:10" x14ac:dyDescent="0.3">
      <c r="B63" s="18"/>
      <c r="D63" s="13"/>
      <c r="E63" s="13"/>
      <c r="F63" s="19"/>
      <c r="G63" s="19"/>
      <c r="H63" s="19"/>
      <c r="I63" s="19"/>
      <c r="J63" s="14"/>
    </row>
    <row r="64" spans="2:10" x14ac:dyDescent="0.3">
      <c r="B64" s="18"/>
      <c r="D64" s="13"/>
      <c r="E64" s="13"/>
      <c r="F64" s="19"/>
      <c r="G64" s="19"/>
      <c r="H64" s="19"/>
      <c r="I64" s="19"/>
      <c r="J64" s="14"/>
    </row>
    <row r="65" spans="2:10" x14ac:dyDescent="0.3">
      <c r="B65" s="18"/>
      <c r="D65" s="13"/>
      <c r="E65" s="13"/>
      <c r="F65" s="19"/>
      <c r="G65" s="19"/>
      <c r="H65" s="19"/>
      <c r="I65" s="19"/>
      <c r="J65" s="14"/>
    </row>
    <row r="66" spans="2:10" x14ac:dyDescent="0.3">
      <c r="B66" s="18"/>
      <c r="D66" s="13"/>
      <c r="E66" s="13"/>
      <c r="F66" s="19"/>
      <c r="G66" s="19"/>
      <c r="H66" s="19"/>
      <c r="I66" s="19"/>
      <c r="J66" s="14"/>
    </row>
    <row r="67" spans="2:10" x14ac:dyDescent="0.3">
      <c r="B67" s="18"/>
      <c r="D67" s="13"/>
      <c r="E67" s="13"/>
      <c r="F67" s="19"/>
      <c r="G67" s="19"/>
      <c r="H67" s="19"/>
      <c r="I67" s="19"/>
      <c r="J67" s="14"/>
    </row>
    <row r="68" spans="2:10" x14ac:dyDescent="0.3">
      <c r="B68" s="18"/>
      <c r="D68" s="13"/>
      <c r="E68" s="13"/>
      <c r="F68" s="19"/>
      <c r="G68" s="19"/>
      <c r="H68" s="19"/>
      <c r="I68" s="19"/>
      <c r="J68" s="14"/>
    </row>
    <row r="69" spans="2:10" x14ac:dyDescent="0.3">
      <c r="B69" s="18"/>
      <c r="E69" s="13"/>
      <c r="F69" s="19"/>
      <c r="G69" s="19"/>
      <c r="H69" s="19"/>
      <c r="I69" s="19"/>
      <c r="J69" s="14"/>
    </row>
    <row r="70" spans="2:10" ht="15.75" customHeight="1" thickBot="1" x14ac:dyDescent="0.35">
      <c r="B70" s="9"/>
      <c r="C70" s="20"/>
      <c r="D70" s="20"/>
      <c r="E70" s="20"/>
      <c r="F70" s="22"/>
      <c r="G70" s="22"/>
      <c r="H70" s="22"/>
      <c r="I70" s="22"/>
      <c r="J70" s="11"/>
    </row>
    <row r="71" spans="2:10" ht="15.75" customHeight="1" thickBot="1" x14ac:dyDescent="0.35"/>
    <row r="72" spans="2:10" x14ac:dyDescent="0.3">
      <c r="B72" s="130"/>
      <c r="C72" s="131"/>
      <c r="D72" s="131"/>
      <c r="E72" s="131"/>
      <c r="F72" s="131"/>
      <c r="G72" s="131"/>
      <c r="H72" s="131"/>
      <c r="I72" s="131"/>
      <c r="J72" s="132"/>
    </row>
    <row r="73" spans="2:10" ht="18.75" customHeight="1" x14ac:dyDescent="0.35">
      <c r="B73" s="15"/>
      <c r="C73" s="135" t="s">
        <v>209</v>
      </c>
      <c r="J73" s="16"/>
    </row>
    <row r="74" spans="2:10" ht="18.75" customHeight="1" x14ac:dyDescent="0.35">
      <c r="B74" s="15"/>
      <c r="C74" s="287" t="s">
        <v>210</v>
      </c>
      <c r="D74" s="282"/>
      <c r="E74" s="282"/>
      <c r="F74" s="282"/>
      <c r="G74" s="282"/>
      <c r="H74" s="282"/>
      <c r="I74" s="282"/>
      <c r="J74" s="16"/>
    </row>
    <row r="75" spans="2:10" x14ac:dyDescent="0.3">
      <c r="B75" s="15"/>
      <c r="J75" s="16"/>
    </row>
    <row r="76" spans="2:10" x14ac:dyDescent="0.3">
      <c r="B76" s="15"/>
      <c r="C76" s="155" t="s">
        <v>211</v>
      </c>
      <c r="J76" s="16"/>
    </row>
    <row r="77" spans="2:10" x14ac:dyDescent="0.3">
      <c r="B77" s="15"/>
      <c r="C77" s="155" t="s">
        <v>212</v>
      </c>
      <c r="J77" s="16"/>
    </row>
    <row r="78" spans="2:10" ht="24.75" customHeight="1" x14ac:dyDescent="0.3">
      <c r="B78" s="15"/>
      <c r="C78" s="286" t="s">
        <v>213</v>
      </c>
      <c r="D78" s="282"/>
      <c r="E78" s="282"/>
      <c r="F78" s="282"/>
      <c r="G78" s="282"/>
      <c r="H78" s="282"/>
      <c r="I78" s="282"/>
      <c r="J78" s="16"/>
    </row>
    <row r="79" spans="2:10" x14ac:dyDescent="0.3">
      <c r="B79" s="15"/>
      <c r="C79" s="286" t="s">
        <v>214</v>
      </c>
      <c r="D79" s="282"/>
      <c r="E79" s="282"/>
      <c r="F79" s="282"/>
      <c r="G79" s="282"/>
      <c r="H79" s="282"/>
      <c r="I79" s="282"/>
      <c r="J79" s="16"/>
    </row>
    <row r="80" spans="2:10" x14ac:dyDescent="0.3">
      <c r="B80" s="15"/>
      <c r="C80" s="155" t="s">
        <v>215</v>
      </c>
      <c r="J80" s="16"/>
    </row>
    <row r="81" spans="2:10" x14ac:dyDescent="0.3">
      <c r="B81" s="15"/>
      <c r="C81" s="155" t="s">
        <v>216</v>
      </c>
      <c r="J81" s="16"/>
    </row>
    <row r="82" spans="2:10" x14ac:dyDescent="0.3">
      <c r="B82" s="15"/>
      <c r="C82" s="155" t="s">
        <v>217</v>
      </c>
      <c r="J82" s="16"/>
    </row>
    <row r="83" spans="2:10" x14ac:dyDescent="0.3">
      <c r="B83" s="15"/>
      <c r="C83" s="155" t="s">
        <v>218</v>
      </c>
      <c r="J83" s="16"/>
    </row>
    <row r="84" spans="2:10" x14ac:dyDescent="0.3">
      <c r="B84" s="15"/>
      <c r="C84" s="155" t="s">
        <v>219</v>
      </c>
      <c r="J84" s="16"/>
    </row>
    <row r="85" spans="2:10" x14ac:dyDescent="0.3">
      <c r="B85" s="15"/>
      <c r="C85" s="155" t="s">
        <v>220</v>
      </c>
      <c r="J85" s="16"/>
    </row>
    <row r="86" spans="2:10" x14ac:dyDescent="0.3">
      <c r="B86" s="15"/>
      <c r="C86" s="155" t="s">
        <v>221</v>
      </c>
      <c r="J86" s="16"/>
    </row>
    <row r="87" spans="2:10" x14ac:dyDescent="0.3">
      <c r="B87" s="15"/>
      <c r="C87" s="155" t="s">
        <v>222</v>
      </c>
      <c r="J87" s="16"/>
    </row>
    <row r="88" spans="2:10" x14ac:dyDescent="0.3">
      <c r="B88" s="15"/>
      <c r="C88" s="155" t="s">
        <v>223</v>
      </c>
      <c r="J88" s="16"/>
    </row>
    <row r="89" spans="2:10" x14ac:dyDescent="0.3">
      <c r="B89" s="15"/>
      <c r="C89" s="155" t="s">
        <v>224</v>
      </c>
      <c r="J89" s="16"/>
    </row>
    <row r="90" spans="2:10" ht="15.75" customHeight="1" thickBot="1" x14ac:dyDescent="0.35">
      <c r="B90" s="133"/>
      <c r="C90" s="20"/>
      <c r="D90" s="20"/>
      <c r="E90" s="20"/>
      <c r="F90" s="20"/>
      <c r="G90" s="20"/>
      <c r="H90" s="20"/>
      <c r="I90" s="20"/>
      <c r="J90" s="134"/>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78" footer="0.31496062992125978"/>
  <pageSetup paperSize="9" scale="52" orientation="landscape"/>
  <headerFooter>
    <oddHeader>&amp;R&amp;G</oddHeader>
  </headerFooter>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sheetPr>
  <dimension ref="A1:WWM38"/>
  <sheetViews>
    <sheetView topLeftCell="A13" zoomScale="80" zoomScaleNormal="80" workbookViewId="0">
      <selection activeCell="B2" sqref="B2"/>
    </sheetView>
  </sheetViews>
  <sheetFormatPr defaultRowHeight="14.4" x14ac:dyDescent="0.3"/>
  <cols>
    <col min="1" max="1" width="4.6640625" style="38" customWidth="1"/>
    <col min="2" max="2" width="16.88671875" style="24" bestFit="1" customWidth="1"/>
    <col min="3" max="3" width="162.44140625" style="25" customWidth="1"/>
    <col min="4" max="31" width="9.109375" style="36" customWidth="1"/>
    <col min="247" max="247" width="4.6640625" style="159" customWidth="1"/>
    <col min="248" max="248" width="16.88671875" style="159" bestFit="1" customWidth="1"/>
    <col min="249" max="249" width="127.5546875" style="159" customWidth="1"/>
    <col min="250" max="250" width="46.6640625" style="159" customWidth="1"/>
    <col min="251" max="287" width="9.109375" style="159" customWidth="1"/>
    <col min="503" max="503" width="4.6640625" style="159" customWidth="1"/>
    <col min="504" max="504" width="16.88671875" style="159" bestFit="1" customWidth="1"/>
    <col min="505" max="505" width="127.5546875" style="159" customWidth="1"/>
    <col min="506" max="506" width="46.6640625" style="159" customWidth="1"/>
    <col min="507" max="543" width="9.109375" style="159" customWidth="1"/>
    <col min="759" max="759" width="4.6640625" style="159" customWidth="1"/>
    <col min="760" max="760" width="16.88671875" style="159" bestFit="1" customWidth="1"/>
    <col min="761" max="761" width="127.5546875" style="159" customWidth="1"/>
    <col min="762" max="762" width="46.6640625" style="159" customWidth="1"/>
    <col min="763" max="799" width="9.109375" style="159" customWidth="1"/>
    <col min="1015" max="1015" width="4.6640625" style="159" customWidth="1"/>
    <col min="1016" max="1016" width="16.88671875" style="159" bestFit="1" customWidth="1"/>
    <col min="1017" max="1017" width="127.5546875" style="159" customWidth="1"/>
    <col min="1018" max="1018" width="46.6640625" style="159" customWidth="1"/>
    <col min="1019" max="1055" width="9.109375" style="159" customWidth="1"/>
    <col min="1271" max="1271" width="4.6640625" style="159" customWidth="1"/>
    <col min="1272" max="1272" width="16.88671875" style="159" bestFit="1" customWidth="1"/>
    <col min="1273" max="1273" width="127.5546875" style="159" customWidth="1"/>
    <col min="1274" max="1274" width="46.6640625" style="159" customWidth="1"/>
    <col min="1275" max="1311" width="9.109375" style="159" customWidth="1"/>
    <col min="1527" max="1527" width="4.6640625" style="159" customWidth="1"/>
    <col min="1528" max="1528" width="16.88671875" style="159" bestFit="1" customWidth="1"/>
    <col min="1529" max="1529" width="127.5546875" style="159" customWidth="1"/>
    <col min="1530" max="1530" width="46.6640625" style="159" customWidth="1"/>
    <col min="1531" max="1567" width="9.109375" style="159" customWidth="1"/>
    <col min="1783" max="1783" width="4.6640625" style="159" customWidth="1"/>
    <col min="1784" max="1784" width="16.88671875" style="159" bestFit="1" customWidth="1"/>
    <col min="1785" max="1785" width="127.5546875" style="159" customWidth="1"/>
    <col min="1786" max="1786" width="46.6640625" style="159" customWidth="1"/>
    <col min="1787" max="1823" width="9.109375" style="159" customWidth="1"/>
    <col min="2039" max="2039" width="4.6640625" style="159" customWidth="1"/>
    <col min="2040" max="2040" width="16.88671875" style="159" bestFit="1" customWidth="1"/>
    <col min="2041" max="2041" width="127.5546875" style="159" customWidth="1"/>
    <col min="2042" max="2042" width="46.6640625" style="159" customWidth="1"/>
    <col min="2043" max="2079" width="9.109375" style="159" customWidth="1"/>
    <col min="2295" max="2295" width="4.6640625" style="159" customWidth="1"/>
    <col min="2296" max="2296" width="16.88671875" style="159" bestFit="1" customWidth="1"/>
    <col min="2297" max="2297" width="127.5546875" style="159" customWidth="1"/>
    <col min="2298" max="2298" width="46.6640625" style="159" customWidth="1"/>
    <col min="2299" max="2335" width="9.109375" style="159" customWidth="1"/>
    <col min="2551" max="2551" width="4.6640625" style="159" customWidth="1"/>
    <col min="2552" max="2552" width="16.88671875" style="159" bestFit="1" customWidth="1"/>
    <col min="2553" max="2553" width="127.5546875" style="159" customWidth="1"/>
    <col min="2554" max="2554" width="46.6640625" style="159" customWidth="1"/>
    <col min="2555" max="2591" width="9.109375" style="159" customWidth="1"/>
    <col min="2807" max="2807" width="4.6640625" style="159" customWidth="1"/>
    <col min="2808" max="2808" width="16.88671875" style="159" bestFit="1" customWidth="1"/>
    <col min="2809" max="2809" width="127.5546875" style="159" customWidth="1"/>
    <col min="2810" max="2810" width="46.6640625" style="159" customWidth="1"/>
    <col min="2811" max="2847" width="9.109375" style="159" customWidth="1"/>
    <col min="3063" max="3063" width="4.6640625" style="159" customWidth="1"/>
    <col min="3064" max="3064" width="16.88671875" style="159" bestFit="1" customWidth="1"/>
    <col min="3065" max="3065" width="127.5546875" style="159" customWidth="1"/>
    <col min="3066" max="3066" width="46.6640625" style="159" customWidth="1"/>
    <col min="3067" max="3103" width="9.109375" style="159" customWidth="1"/>
    <col min="3319" max="3319" width="4.6640625" style="159" customWidth="1"/>
    <col min="3320" max="3320" width="16.88671875" style="159" bestFit="1" customWidth="1"/>
    <col min="3321" max="3321" width="127.5546875" style="159" customWidth="1"/>
    <col min="3322" max="3322" width="46.6640625" style="159" customWidth="1"/>
    <col min="3323" max="3359" width="9.109375" style="159" customWidth="1"/>
    <col min="3575" max="3575" width="4.6640625" style="159" customWidth="1"/>
    <col min="3576" max="3576" width="16.88671875" style="159" bestFit="1" customWidth="1"/>
    <col min="3577" max="3577" width="127.5546875" style="159" customWidth="1"/>
    <col min="3578" max="3578" width="46.6640625" style="159" customWidth="1"/>
    <col min="3579" max="3615" width="9.109375" style="159" customWidth="1"/>
    <col min="3831" max="3831" width="4.6640625" style="159" customWidth="1"/>
    <col min="3832" max="3832" width="16.88671875" style="159" bestFit="1" customWidth="1"/>
    <col min="3833" max="3833" width="127.5546875" style="159" customWidth="1"/>
    <col min="3834" max="3834" width="46.6640625" style="159" customWidth="1"/>
    <col min="3835" max="3871" width="9.109375" style="159" customWidth="1"/>
    <col min="4087" max="4087" width="4.6640625" style="159" customWidth="1"/>
    <col min="4088" max="4088" width="16.88671875" style="159" bestFit="1" customWidth="1"/>
    <col min="4089" max="4089" width="127.5546875" style="159" customWidth="1"/>
    <col min="4090" max="4090" width="46.6640625" style="159" customWidth="1"/>
    <col min="4091" max="4127" width="9.109375" style="159" customWidth="1"/>
    <col min="4343" max="4343" width="4.6640625" style="159" customWidth="1"/>
    <col min="4344" max="4344" width="16.88671875" style="159" bestFit="1" customWidth="1"/>
    <col min="4345" max="4345" width="127.5546875" style="159" customWidth="1"/>
    <col min="4346" max="4346" width="46.6640625" style="159" customWidth="1"/>
    <col min="4347" max="4383" width="9.109375" style="159" customWidth="1"/>
    <col min="4599" max="4599" width="4.6640625" style="159" customWidth="1"/>
    <col min="4600" max="4600" width="16.88671875" style="159" bestFit="1" customWidth="1"/>
    <col min="4601" max="4601" width="127.5546875" style="159" customWidth="1"/>
    <col min="4602" max="4602" width="46.6640625" style="159" customWidth="1"/>
    <col min="4603" max="4639" width="9.109375" style="159" customWidth="1"/>
    <col min="4855" max="4855" width="4.6640625" style="159" customWidth="1"/>
    <col min="4856" max="4856" width="16.88671875" style="159" bestFit="1" customWidth="1"/>
    <col min="4857" max="4857" width="127.5546875" style="159" customWidth="1"/>
    <col min="4858" max="4858" width="46.6640625" style="159" customWidth="1"/>
    <col min="4859" max="4895" width="9.109375" style="159" customWidth="1"/>
    <col min="5111" max="5111" width="4.6640625" style="159" customWidth="1"/>
    <col min="5112" max="5112" width="16.88671875" style="159" bestFit="1" customWidth="1"/>
    <col min="5113" max="5113" width="127.5546875" style="159" customWidth="1"/>
    <col min="5114" max="5114" width="46.6640625" style="159" customWidth="1"/>
    <col min="5115" max="5151" width="9.109375" style="159" customWidth="1"/>
    <col min="5367" max="5367" width="4.6640625" style="159" customWidth="1"/>
    <col min="5368" max="5368" width="16.88671875" style="159" bestFit="1" customWidth="1"/>
    <col min="5369" max="5369" width="127.5546875" style="159" customWidth="1"/>
    <col min="5370" max="5370" width="46.6640625" style="159" customWidth="1"/>
    <col min="5371" max="5407" width="9.109375" style="159" customWidth="1"/>
    <col min="5623" max="5623" width="4.6640625" style="159" customWidth="1"/>
    <col min="5624" max="5624" width="16.88671875" style="159" bestFit="1" customWidth="1"/>
    <col min="5625" max="5625" width="127.5546875" style="159" customWidth="1"/>
    <col min="5626" max="5626" width="46.6640625" style="159" customWidth="1"/>
    <col min="5627" max="5663" width="9.109375" style="159" customWidth="1"/>
    <col min="5879" max="5879" width="4.6640625" style="159" customWidth="1"/>
    <col min="5880" max="5880" width="16.88671875" style="159" bestFit="1" customWidth="1"/>
    <col min="5881" max="5881" width="127.5546875" style="159" customWidth="1"/>
    <col min="5882" max="5882" width="46.6640625" style="159" customWidth="1"/>
    <col min="5883" max="5919" width="9.109375" style="159" customWidth="1"/>
    <col min="6135" max="6135" width="4.6640625" style="159" customWidth="1"/>
    <col min="6136" max="6136" width="16.88671875" style="159" bestFit="1" customWidth="1"/>
    <col min="6137" max="6137" width="127.5546875" style="159" customWidth="1"/>
    <col min="6138" max="6138" width="46.6640625" style="159" customWidth="1"/>
    <col min="6139" max="6175" width="9.109375" style="159" customWidth="1"/>
    <col min="6391" max="6391" width="4.6640625" style="159" customWidth="1"/>
    <col min="6392" max="6392" width="16.88671875" style="159" bestFit="1" customWidth="1"/>
    <col min="6393" max="6393" width="127.5546875" style="159" customWidth="1"/>
    <col min="6394" max="6394" width="46.6640625" style="159" customWidth="1"/>
    <col min="6395" max="6431" width="9.109375" style="159" customWidth="1"/>
    <col min="6647" max="6647" width="4.6640625" style="159" customWidth="1"/>
    <col min="6648" max="6648" width="16.88671875" style="159" bestFit="1" customWidth="1"/>
    <col min="6649" max="6649" width="127.5546875" style="159" customWidth="1"/>
    <col min="6650" max="6650" width="46.6640625" style="159" customWidth="1"/>
    <col min="6651" max="6687" width="9.109375" style="159" customWidth="1"/>
    <col min="6903" max="6903" width="4.6640625" style="159" customWidth="1"/>
    <col min="6904" max="6904" width="16.88671875" style="159" bestFit="1" customWidth="1"/>
    <col min="6905" max="6905" width="127.5546875" style="159" customWidth="1"/>
    <col min="6906" max="6906" width="46.6640625" style="159" customWidth="1"/>
    <col min="6907" max="6943" width="9.109375" style="159" customWidth="1"/>
    <col min="7159" max="7159" width="4.6640625" style="159" customWidth="1"/>
    <col min="7160" max="7160" width="16.88671875" style="159" bestFit="1" customWidth="1"/>
    <col min="7161" max="7161" width="127.5546875" style="159" customWidth="1"/>
    <col min="7162" max="7162" width="46.6640625" style="159" customWidth="1"/>
    <col min="7163" max="7199" width="9.109375" style="159" customWidth="1"/>
    <col min="7415" max="7415" width="4.6640625" style="159" customWidth="1"/>
    <col min="7416" max="7416" width="16.88671875" style="159" bestFit="1" customWidth="1"/>
    <col min="7417" max="7417" width="127.5546875" style="159" customWidth="1"/>
    <col min="7418" max="7418" width="46.6640625" style="159" customWidth="1"/>
    <col min="7419" max="7455" width="9.109375" style="159" customWidth="1"/>
    <col min="7671" max="7671" width="4.6640625" style="159" customWidth="1"/>
    <col min="7672" max="7672" width="16.88671875" style="159" bestFit="1" customWidth="1"/>
    <col min="7673" max="7673" width="127.5546875" style="159" customWidth="1"/>
    <col min="7674" max="7674" width="46.6640625" style="159" customWidth="1"/>
    <col min="7675" max="7711" width="9.109375" style="159" customWidth="1"/>
    <col min="7927" max="7927" width="4.6640625" style="159" customWidth="1"/>
    <col min="7928" max="7928" width="16.88671875" style="159" bestFit="1" customWidth="1"/>
    <col min="7929" max="7929" width="127.5546875" style="159" customWidth="1"/>
    <col min="7930" max="7930" width="46.6640625" style="159" customWidth="1"/>
    <col min="7931" max="7967" width="9.109375" style="159" customWidth="1"/>
    <col min="8183" max="8183" width="4.6640625" style="159" customWidth="1"/>
    <col min="8184" max="8184" width="16.88671875" style="159" bestFit="1" customWidth="1"/>
    <col min="8185" max="8185" width="127.5546875" style="159" customWidth="1"/>
    <col min="8186" max="8186" width="46.6640625" style="159" customWidth="1"/>
    <col min="8187" max="8223" width="9.109375" style="159" customWidth="1"/>
    <col min="8439" max="8439" width="4.6640625" style="159" customWidth="1"/>
    <col min="8440" max="8440" width="16.88671875" style="159" bestFit="1" customWidth="1"/>
    <col min="8441" max="8441" width="127.5546875" style="159" customWidth="1"/>
    <col min="8442" max="8442" width="46.6640625" style="159" customWidth="1"/>
    <col min="8443" max="8479" width="9.109375" style="159" customWidth="1"/>
    <col min="8695" max="8695" width="4.6640625" style="159" customWidth="1"/>
    <col min="8696" max="8696" width="16.88671875" style="159" bestFit="1" customWidth="1"/>
    <col min="8697" max="8697" width="127.5546875" style="159" customWidth="1"/>
    <col min="8698" max="8698" width="46.6640625" style="159" customWidth="1"/>
    <col min="8699" max="8735" width="9.109375" style="159" customWidth="1"/>
    <col min="8951" max="8951" width="4.6640625" style="159" customWidth="1"/>
    <col min="8952" max="8952" width="16.88671875" style="159" bestFit="1" customWidth="1"/>
    <col min="8953" max="8953" width="127.5546875" style="159" customWidth="1"/>
    <col min="8954" max="8954" width="46.6640625" style="159" customWidth="1"/>
    <col min="8955" max="8991" width="9.109375" style="159" customWidth="1"/>
    <col min="9207" max="9207" width="4.6640625" style="159" customWidth="1"/>
    <col min="9208" max="9208" width="16.88671875" style="159" bestFit="1" customWidth="1"/>
    <col min="9209" max="9209" width="127.5546875" style="159" customWidth="1"/>
    <col min="9210" max="9210" width="46.6640625" style="159" customWidth="1"/>
    <col min="9211" max="9247" width="9.109375" style="159" customWidth="1"/>
    <col min="9463" max="9463" width="4.6640625" style="159" customWidth="1"/>
    <col min="9464" max="9464" width="16.88671875" style="159" bestFit="1" customWidth="1"/>
    <col min="9465" max="9465" width="127.5546875" style="159" customWidth="1"/>
    <col min="9466" max="9466" width="46.6640625" style="159" customWidth="1"/>
    <col min="9467" max="9503" width="9.109375" style="159" customWidth="1"/>
    <col min="9719" max="9719" width="4.6640625" style="159" customWidth="1"/>
    <col min="9720" max="9720" width="16.88671875" style="159" bestFit="1" customWidth="1"/>
    <col min="9721" max="9721" width="127.5546875" style="159" customWidth="1"/>
    <col min="9722" max="9722" width="46.6640625" style="159" customWidth="1"/>
    <col min="9723" max="9759" width="9.109375" style="159" customWidth="1"/>
    <col min="9975" max="9975" width="4.6640625" style="159" customWidth="1"/>
    <col min="9976" max="9976" width="16.88671875" style="159" bestFit="1" customWidth="1"/>
    <col min="9977" max="9977" width="127.5546875" style="159" customWidth="1"/>
    <col min="9978" max="9978" width="46.6640625" style="159" customWidth="1"/>
    <col min="9979" max="10015" width="9.109375" style="159" customWidth="1"/>
    <col min="10231" max="10231" width="4.6640625" style="159" customWidth="1"/>
    <col min="10232" max="10232" width="16.88671875" style="159" bestFit="1" customWidth="1"/>
    <col min="10233" max="10233" width="127.5546875" style="159" customWidth="1"/>
    <col min="10234" max="10234" width="46.6640625" style="159" customWidth="1"/>
    <col min="10235" max="10271" width="9.109375" style="159" customWidth="1"/>
    <col min="10487" max="10487" width="4.6640625" style="159" customWidth="1"/>
    <col min="10488" max="10488" width="16.88671875" style="159" bestFit="1" customWidth="1"/>
    <col min="10489" max="10489" width="127.5546875" style="159" customWidth="1"/>
    <col min="10490" max="10490" width="46.6640625" style="159" customWidth="1"/>
    <col min="10491" max="10527" width="9.109375" style="159" customWidth="1"/>
    <col min="10743" max="10743" width="4.6640625" style="159" customWidth="1"/>
    <col min="10744" max="10744" width="16.88671875" style="159" bestFit="1" customWidth="1"/>
    <col min="10745" max="10745" width="127.5546875" style="159" customWidth="1"/>
    <col min="10746" max="10746" width="46.6640625" style="159" customWidth="1"/>
    <col min="10747" max="10783" width="9.109375" style="159" customWidth="1"/>
    <col min="10999" max="10999" width="4.6640625" style="159" customWidth="1"/>
    <col min="11000" max="11000" width="16.88671875" style="159" bestFit="1" customWidth="1"/>
    <col min="11001" max="11001" width="127.5546875" style="159" customWidth="1"/>
    <col min="11002" max="11002" width="46.6640625" style="159" customWidth="1"/>
    <col min="11003" max="11039" width="9.109375" style="159" customWidth="1"/>
    <col min="11255" max="11255" width="4.6640625" style="159" customWidth="1"/>
    <col min="11256" max="11256" width="16.88671875" style="159" bestFit="1" customWidth="1"/>
    <col min="11257" max="11257" width="127.5546875" style="159" customWidth="1"/>
    <col min="11258" max="11258" width="46.6640625" style="159" customWidth="1"/>
    <col min="11259" max="11295" width="9.109375" style="159" customWidth="1"/>
    <col min="11511" max="11511" width="4.6640625" style="159" customWidth="1"/>
    <col min="11512" max="11512" width="16.88671875" style="159" bestFit="1" customWidth="1"/>
    <col min="11513" max="11513" width="127.5546875" style="159" customWidth="1"/>
    <col min="11514" max="11514" width="46.6640625" style="159" customWidth="1"/>
    <col min="11515" max="11551" width="9.109375" style="159" customWidth="1"/>
    <col min="11767" max="11767" width="4.6640625" style="159" customWidth="1"/>
    <col min="11768" max="11768" width="16.88671875" style="159" bestFit="1" customWidth="1"/>
    <col min="11769" max="11769" width="127.5546875" style="159" customWidth="1"/>
    <col min="11770" max="11770" width="46.6640625" style="159" customWidth="1"/>
    <col min="11771" max="11807" width="9.109375" style="159" customWidth="1"/>
    <col min="12023" max="12023" width="4.6640625" style="159" customWidth="1"/>
    <col min="12024" max="12024" width="16.88671875" style="159" bestFit="1" customWidth="1"/>
    <col min="12025" max="12025" width="127.5546875" style="159" customWidth="1"/>
    <col min="12026" max="12026" width="46.6640625" style="159" customWidth="1"/>
    <col min="12027" max="12063" width="9.109375" style="159" customWidth="1"/>
    <col min="12279" max="12279" width="4.6640625" style="159" customWidth="1"/>
    <col min="12280" max="12280" width="16.88671875" style="159" bestFit="1" customWidth="1"/>
    <col min="12281" max="12281" width="127.5546875" style="159" customWidth="1"/>
    <col min="12282" max="12282" width="46.6640625" style="159" customWidth="1"/>
    <col min="12283" max="12319" width="9.109375" style="159" customWidth="1"/>
    <col min="12535" max="12535" width="4.6640625" style="159" customWidth="1"/>
    <col min="12536" max="12536" width="16.88671875" style="159" bestFit="1" customWidth="1"/>
    <col min="12537" max="12537" width="127.5546875" style="159" customWidth="1"/>
    <col min="12538" max="12538" width="46.6640625" style="159" customWidth="1"/>
    <col min="12539" max="12575" width="9.109375" style="159" customWidth="1"/>
    <col min="12791" max="12791" width="4.6640625" style="159" customWidth="1"/>
    <col min="12792" max="12792" width="16.88671875" style="159" bestFit="1" customWidth="1"/>
    <col min="12793" max="12793" width="127.5546875" style="159" customWidth="1"/>
    <col min="12794" max="12794" width="46.6640625" style="159" customWidth="1"/>
    <col min="12795" max="12831" width="9.109375" style="159" customWidth="1"/>
    <col min="13047" max="13047" width="4.6640625" style="159" customWidth="1"/>
    <col min="13048" max="13048" width="16.88671875" style="159" bestFit="1" customWidth="1"/>
    <col min="13049" max="13049" width="127.5546875" style="159" customWidth="1"/>
    <col min="13050" max="13050" width="46.6640625" style="159" customWidth="1"/>
    <col min="13051" max="13087" width="9.109375" style="159" customWidth="1"/>
    <col min="13303" max="13303" width="4.6640625" style="159" customWidth="1"/>
    <col min="13304" max="13304" width="16.88671875" style="159" bestFit="1" customWidth="1"/>
    <col min="13305" max="13305" width="127.5546875" style="159" customWidth="1"/>
    <col min="13306" max="13306" width="46.6640625" style="159" customWidth="1"/>
    <col min="13307" max="13343" width="9.109375" style="159" customWidth="1"/>
    <col min="13559" max="13559" width="4.6640625" style="159" customWidth="1"/>
    <col min="13560" max="13560" width="16.88671875" style="159" bestFit="1" customWidth="1"/>
    <col min="13561" max="13561" width="127.5546875" style="159" customWidth="1"/>
    <col min="13562" max="13562" width="46.6640625" style="159" customWidth="1"/>
    <col min="13563" max="13599" width="9.109375" style="159" customWidth="1"/>
    <col min="13815" max="13815" width="4.6640625" style="159" customWidth="1"/>
    <col min="13816" max="13816" width="16.88671875" style="159" bestFit="1" customWidth="1"/>
    <col min="13817" max="13817" width="127.5546875" style="159" customWidth="1"/>
    <col min="13818" max="13818" width="46.6640625" style="159" customWidth="1"/>
    <col min="13819" max="13855" width="9.109375" style="159" customWidth="1"/>
    <col min="14071" max="14071" width="4.6640625" style="159" customWidth="1"/>
    <col min="14072" max="14072" width="16.88671875" style="159" bestFit="1" customWidth="1"/>
    <col min="14073" max="14073" width="127.5546875" style="159" customWidth="1"/>
    <col min="14074" max="14074" width="46.6640625" style="159" customWidth="1"/>
    <col min="14075" max="14111" width="9.109375" style="159" customWidth="1"/>
    <col min="14327" max="14327" width="4.6640625" style="159" customWidth="1"/>
    <col min="14328" max="14328" width="16.88671875" style="159" bestFit="1" customWidth="1"/>
    <col min="14329" max="14329" width="127.5546875" style="159" customWidth="1"/>
    <col min="14330" max="14330" width="46.6640625" style="159" customWidth="1"/>
    <col min="14331" max="14367" width="9.109375" style="159" customWidth="1"/>
    <col min="14583" max="14583" width="4.6640625" style="159" customWidth="1"/>
    <col min="14584" max="14584" width="16.88671875" style="159" bestFit="1" customWidth="1"/>
    <col min="14585" max="14585" width="127.5546875" style="159" customWidth="1"/>
    <col min="14586" max="14586" width="46.6640625" style="159" customWidth="1"/>
    <col min="14587" max="14623" width="9.109375" style="159" customWidth="1"/>
    <col min="14839" max="14839" width="4.6640625" style="159" customWidth="1"/>
    <col min="14840" max="14840" width="16.88671875" style="159" bestFit="1" customWidth="1"/>
    <col min="14841" max="14841" width="127.5546875" style="159" customWidth="1"/>
    <col min="14842" max="14842" width="46.6640625" style="159" customWidth="1"/>
    <col min="14843" max="14879" width="9.109375" style="159" customWidth="1"/>
    <col min="15095" max="15095" width="4.6640625" style="159" customWidth="1"/>
    <col min="15096" max="15096" width="16.88671875" style="159" bestFit="1" customWidth="1"/>
    <col min="15097" max="15097" width="127.5546875" style="159" customWidth="1"/>
    <col min="15098" max="15098" width="46.6640625" style="159" customWidth="1"/>
    <col min="15099" max="15135" width="9.109375" style="159" customWidth="1"/>
    <col min="15351" max="15351" width="4.6640625" style="159" customWidth="1"/>
    <col min="15352" max="15352" width="16.88671875" style="159" bestFit="1" customWidth="1"/>
    <col min="15353" max="15353" width="127.5546875" style="159" customWidth="1"/>
    <col min="15354" max="15354" width="46.6640625" style="159" customWidth="1"/>
    <col min="15355" max="15391" width="9.109375" style="159" customWidth="1"/>
    <col min="15607" max="15607" width="4.6640625" style="159" customWidth="1"/>
    <col min="15608" max="15608" width="16.88671875" style="159" bestFit="1" customWidth="1"/>
    <col min="15609" max="15609" width="127.5546875" style="159" customWidth="1"/>
    <col min="15610" max="15610" width="46.6640625" style="159" customWidth="1"/>
    <col min="15611" max="15647" width="9.109375" style="159" customWidth="1"/>
    <col min="15863" max="15863" width="4.6640625" style="159" customWidth="1"/>
    <col min="15864" max="15864" width="16.88671875" style="159" bestFit="1" customWidth="1"/>
    <col min="15865" max="15865" width="127.5546875" style="159" customWidth="1"/>
    <col min="15866" max="15866" width="46.6640625" style="159" customWidth="1"/>
    <col min="15867" max="15903" width="9.109375" style="159" customWidth="1"/>
    <col min="16119" max="16119" width="4.6640625" style="159" customWidth="1"/>
    <col min="16120" max="16120" width="16.88671875" style="159" bestFit="1" customWidth="1"/>
    <col min="16121" max="16121" width="127.5546875" style="159" customWidth="1"/>
    <col min="16122" max="16122" width="46.6640625" style="159" customWidth="1"/>
    <col min="16123" max="16159" width="9.109375" style="159" customWidth="1"/>
  </cols>
  <sheetData>
    <row r="1" spans="1:31" ht="31.5" customHeight="1" x14ac:dyDescent="0.6">
      <c r="A1" s="288" t="s">
        <v>225</v>
      </c>
      <c r="B1" s="289"/>
      <c r="C1" s="290"/>
    </row>
    <row r="2" spans="1:31" ht="31.5" customHeight="1" x14ac:dyDescent="0.6">
      <c r="A2" s="23" t="s">
        <v>179</v>
      </c>
      <c r="B2" s="161"/>
      <c r="C2" s="161"/>
    </row>
    <row r="3" spans="1:31" x14ac:dyDescent="0.3">
      <c r="A3" s="12"/>
    </row>
    <row r="4" spans="1:31" s="30" customFormat="1" ht="18.75" customHeight="1" x14ac:dyDescent="0.3">
      <c r="A4" s="26"/>
      <c r="B4" s="27"/>
      <c r="C4" s="28" t="s">
        <v>226</v>
      </c>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row>
    <row r="5" spans="1:31" ht="18.75" customHeight="1" x14ac:dyDescent="0.3">
      <c r="A5" s="31" t="s">
        <v>227</v>
      </c>
      <c r="B5" s="32"/>
      <c r="C5" s="33"/>
    </row>
    <row r="6" spans="1:31" ht="14.4" customHeight="1" x14ac:dyDescent="0.3">
      <c r="A6" s="84" t="s">
        <v>228</v>
      </c>
      <c r="B6" s="84"/>
      <c r="C6" s="85"/>
    </row>
    <row r="7" spans="1:31" ht="60" customHeight="1" x14ac:dyDescent="0.3">
      <c r="A7" s="86"/>
      <c r="B7" s="87" t="s">
        <v>229</v>
      </c>
      <c r="C7" s="88" t="s">
        <v>230</v>
      </c>
    </row>
    <row r="8" spans="1:31" ht="14.4" customHeight="1" x14ac:dyDescent="0.3">
      <c r="A8" s="84" t="s">
        <v>231</v>
      </c>
      <c r="B8" s="84"/>
      <c r="C8" s="85"/>
    </row>
    <row r="9" spans="1:31" ht="23.25" customHeight="1" x14ac:dyDescent="0.3">
      <c r="A9" s="34"/>
      <c r="B9" s="87" t="s">
        <v>232</v>
      </c>
      <c r="C9" s="35" t="s">
        <v>233</v>
      </c>
    </row>
    <row r="10" spans="1:31" ht="14.4" customHeight="1" x14ac:dyDescent="0.3">
      <c r="A10" s="84" t="s">
        <v>234</v>
      </c>
      <c r="B10" s="84"/>
      <c r="C10" s="85"/>
    </row>
    <row r="11" spans="1:31" ht="23.25" customHeight="1" x14ac:dyDescent="0.3">
      <c r="A11" s="34"/>
      <c r="B11" s="87" t="s">
        <v>235</v>
      </c>
      <c r="C11" s="35" t="s">
        <v>236</v>
      </c>
    </row>
    <row r="12" spans="1:31" ht="14.4" customHeight="1" x14ac:dyDescent="0.3">
      <c r="A12" s="84" t="s">
        <v>237</v>
      </c>
      <c r="B12" s="84"/>
      <c r="C12" s="85"/>
    </row>
    <row r="13" spans="1:31" ht="30" customHeight="1" x14ac:dyDescent="0.3">
      <c r="A13" s="86"/>
      <c r="B13" s="87" t="s">
        <v>238</v>
      </c>
      <c r="C13" s="88" t="s">
        <v>239</v>
      </c>
    </row>
    <row r="14" spans="1:31" ht="14.4" customHeight="1" x14ac:dyDescent="0.3">
      <c r="A14" s="84" t="s">
        <v>240</v>
      </c>
      <c r="B14" s="84"/>
      <c r="C14" s="85"/>
    </row>
    <row r="15" spans="1:31" ht="38.25" customHeight="1" x14ac:dyDescent="0.3">
      <c r="A15" s="86"/>
      <c r="B15" s="87" t="s">
        <v>241</v>
      </c>
      <c r="C15" s="35" t="s">
        <v>242</v>
      </c>
    </row>
    <row r="16" spans="1:31" ht="14.4" customHeight="1" x14ac:dyDescent="0.3">
      <c r="A16" s="84" t="s">
        <v>243</v>
      </c>
      <c r="B16" s="84"/>
      <c r="C16" s="85"/>
    </row>
    <row r="17" spans="1:3" ht="26.25" customHeight="1" x14ac:dyDescent="0.3">
      <c r="A17" s="86"/>
      <c r="B17" s="87" t="s">
        <v>244</v>
      </c>
      <c r="C17" s="35" t="s">
        <v>245</v>
      </c>
    </row>
    <row r="18" spans="1:3" ht="14.4" customHeight="1" x14ac:dyDescent="0.3">
      <c r="A18" s="84" t="s">
        <v>246</v>
      </c>
      <c r="B18" s="84"/>
      <c r="C18" s="85"/>
    </row>
    <row r="19" spans="1:3" ht="40.5" customHeight="1" x14ac:dyDescent="0.3">
      <c r="A19" s="86"/>
      <c r="B19" s="87" t="s">
        <v>247</v>
      </c>
      <c r="C19" s="88" t="s">
        <v>248</v>
      </c>
    </row>
    <row r="20" spans="1:3" ht="18.75" customHeight="1" x14ac:dyDescent="0.3">
      <c r="A20" s="31" t="s">
        <v>249</v>
      </c>
      <c r="B20" s="32"/>
      <c r="C20" s="37"/>
    </row>
    <row r="21" spans="1:3" ht="14.4" customHeight="1" x14ac:dyDescent="0.3">
      <c r="A21" s="84" t="s">
        <v>250</v>
      </c>
      <c r="B21" s="84"/>
      <c r="C21" s="85"/>
    </row>
    <row r="22" spans="1:3" ht="42.6" customHeight="1" x14ac:dyDescent="0.3">
      <c r="A22" s="34"/>
      <c r="B22" s="87" t="s">
        <v>251</v>
      </c>
      <c r="C22" s="88" t="s">
        <v>252</v>
      </c>
    </row>
    <row r="23" spans="1:3" ht="14.4" customHeight="1" x14ac:dyDescent="0.3">
      <c r="A23" s="84" t="s">
        <v>253</v>
      </c>
      <c r="B23" s="84"/>
      <c r="C23" s="85"/>
    </row>
    <row r="24" spans="1:3" ht="30" customHeight="1" x14ac:dyDescent="0.3">
      <c r="A24" s="86"/>
      <c r="B24" s="87" t="s">
        <v>254</v>
      </c>
      <c r="C24" s="35" t="s">
        <v>255</v>
      </c>
    </row>
    <row r="25" spans="1:3" ht="14.4" customHeight="1" x14ac:dyDescent="0.3">
      <c r="A25" s="84" t="s">
        <v>256</v>
      </c>
      <c r="B25" s="84"/>
      <c r="C25" s="85"/>
    </row>
    <row r="26" spans="1:3" ht="38.25" customHeight="1" x14ac:dyDescent="0.3">
      <c r="A26" s="86"/>
      <c r="B26" s="87" t="s">
        <v>257</v>
      </c>
      <c r="C26" s="35" t="s">
        <v>258</v>
      </c>
    </row>
    <row r="27" spans="1:3" ht="14.4" customHeight="1" x14ac:dyDescent="0.3">
      <c r="A27" s="84" t="s">
        <v>259</v>
      </c>
      <c r="B27" s="84"/>
      <c r="C27" s="85"/>
    </row>
    <row r="28" spans="1:3" ht="34.5" customHeight="1" x14ac:dyDescent="0.3">
      <c r="A28" s="86"/>
      <c r="B28" s="87" t="s">
        <v>260</v>
      </c>
      <c r="C28" s="35" t="s">
        <v>261</v>
      </c>
    </row>
    <row r="29" spans="1:3" x14ac:dyDescent="0.3">
      <c r="A29" s="84" t="s">
        <v>262</v>
      </c>
      <c r="B29" s="84"/>
      <c r="C29" s="85"/>
    </row>
    <row r="30" spans="1:3" ht="60" customHeight="1" x14ac:dyDescent="0.3">
      <c r="A30" s="86"/>
      <c r="B30" s="87" t="s">
        <v>263</v>
      </c>
      <c r="C30" s="35" t="s">
        <v>264</v>
      </c>
    </row>
    <row r="31" spans="1:3" x14ac:dyDescent="0.3">
      <c r="A31" s="84" t="s">
        <v>265</v>
      </c>
      <c r="B31" s="84"/>
      <c r="C31" s="85"/>
    </row>
    <row r="32" spans="1:3" ht="30" customHeight="1" x14ac:dyDescent="0.3">
      <c r="A32" s="86"/>
      <c r="B32" s="87" t="s">
        <v>266</v>
      </c>
      <c r="C32" s="35" t="s">
        <v>267</v>
      </c>
    </row>
    <row r="33" spans="1:3" x14ac:dyDescent="0.3">
      <c r="A33" s="84" t="s">
        <v>268</v>
      </c>
      <c r="B33" s="84"/>
      <c r="C33" s="85"/>
    </row>
    <row r="34" spans="1:3" ht="30" customHeight="1" x14ac:dyDescent="0.3">
      <c r="A34" s="86"/>
      <c r="B34" s="87" t="s">
        <v>269</v>
      </c>
      <c r="C34" s="35" t="s">
        <v>270</v>
      </c>
    </row>
    <row r="38" spans="1:3" x14ac:dyDescent="0.3">
      <c r="C38" s="88"/>
    </row>
  </sheetData>
  <mergeCells count="1">
    <mergeCell ref="A1:C1"/>
  </mergeCell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6600"/>
  </sheetPr>
  <dimension ref="A1:N413"/>
  <sheetViews>
    <sheetView tabSelected="1" zoomScale="80" zoomScaleNormal="80" workbookViewId="0">
      <selection activeCell="C6" sqref="C6"/>
    </sheetView>
  </sheetViews>
  <sheetFormatPr defaultColWidth="8.88671875" defaultRowHeight="14.4" outlineLevelRow="1" x14ac:dyDescent="0.3"/>
  <cols>
    <col min="1" max="1" width="13.33203125" style="156" customWidth="1"/>
    <col min="2" max="2" width="60.6640625" style="156" customWidth="1"/>
    <col min="3" max="3" width="39.109375" style="156" bestFit="1" customWidth="1"/>
    <col min="4" max="4" width="35.109375" style="156" bestFit="1" customWidth="1"/>
    <col min="5" max="5" width="6.6640625" style="156" customWidth="1"/>
    <col min="6" max="6" width="41.6640625" style="156" customWidth="1"/>
    <col min="7" max="7" width="41.6640625" style="128" customWidth="1"/>
    <col min="8" max="8" width="7.33203125" style="156" customWidth="1"/>
    <col min="9" max="10" width="38.109375" style="156" customWidth="1"/>
    <col min="11" max="11" width="47.6640625" style="156" customWidth="1"/>
    <col min="12" max="12" width="7.33203125" style="156" customWidth="1"/>
    <col min="13" max="13" width="25.6640625" style="156" customWidth="1"/>
    <col min="14" max="14" width="25.6640625" style="128" customWidth="1"/>
    <col min="15" max="15" width="8.88671875" style="140" customWidth="1"/>
    <col min="16" max="16384" width="8.88671875" style="140"/>
  </cols>
  <sheetData>
    <row r="1" spans="1:13" ht="31.5" customHeight="1" x14ac:dyDescent="0.3">
      <c r="A1" s="93" t="s">
        <v>271</v>
      </c>
      <c r="B1" s="93"/>
      <c r="C1" s="128"/>
      <c r="D1" s="128"/>
      <c r="E1" s="128"/>
      <c r="F1" s="158" t="s">
        <v>272</v>
      </c>
      <c r="H1" s="128"/>
      <c r="I1" s="93"/>
      <c r="J1" s="128"/>
      <c r="K1" s="128"/>
      <c r="L1" s="128"/>
      <c r="M1" s="128"/>
    </row>
    <row r="2" spans="1:13" ht="15.75" customHeight="1" thickBot="1" x14ac:dyDescent="0.35">
      <c r="A2" s="128"/>
      <c r="B2" s="95"/>
      <c r="C2" s="95"/>
      <c r="D2" s="128"/>
      <c r="E2" s="128"/>
      <c r="F2" s="128"/>
      <c r="H2" s="128"/>
      <c r="L2" s="128"/>
      <c r="M2" s="128"/>
    </row>
    <row r="3" spans="1:13" ht="19.5" customHeight="1" thickBot="1" x14ac:dyDescent="0.35">
      <c r="A3" s="96"/>
      <c r="B3" s="97" t="s">
        <v>273</v>
      </c>
      <c r="C3" s="166" t="s">
        <v>274</v>
      </c>
      <c r="D3" s="96"/>
      <c r="E3" s="96"/>
      <c r="F3" s="128"/>
      <c r="G3" s="96"/>
      <c r="H3" s="128"/>
      <c r="L3" s="128"/>
      <c r="M3" s="128"/>
    </row>
    <row r="4" spans="1:13" ht="15.75" customHeight="1" thickBot="1" x14ac:dyDescent="0.35">
      <c r="H4" s="128"/>
      <c r="L4" s="128"/>
      <c r="M4" s="128"/>
    </row>
    <row r="5" spans="1:13" ht="18.75" customHeight="1" x14ac:dyDescent="0.3">
      <c r="A5" s="101"/>
      <c r="B5" s="76" t="s">
        <v>275</v>
      </c>
      <c r="C5" s="101"/>
      <c r="E5" s="145"/>
      <c r="F5" s="145"/>
      <c r="H5" s="128"/>
      <c r="L5" s="128"/>
      <c r="M5" s="128"/>
    </row>
    <row r="6" spans="1:13" x14ac:dyDescent="0.3">
      <c r="B6" s="141" t="s">
        <v>276</v>
      </c>
      <c r="C6" s="145"/>
      <c r="D6" s="145"/>
      <c r="H6" s="128"/>
      <c r="L6" s="128"/>
      <c r="M6" s="128"/>
    </row>
    <row r="7" spans="1:13" x14ac:dyDescent="0.3">
      <c r="B7" s="167" t="s">
        <v>277</v>
      </c>
      <c r="C7" s="145"/>
      <c r="D7" s="145"/>
      <c r="H7" s="128"/>
      <c r="L7" s="128"/>
      <c r="M7" s="128"/>
    </row>
    <row r="8" spans="1:13" x14ac:dyDescent="0.3">
      <c r="B8" s="167" t="s">
        <v>278</v>
      </c>
      <c r="C8" s="145"/>
      <c r="D8" s="145"/>
      <c r="F8" s="156" t="s">
        <v>279</v>
      </c>
      <c r="H8" s="128"/>
      <c r="L8" s="128"/>
      <c r="M8" s="128"/>
    </row>
    <row r="9" spans="1:13" x14ac:dyDescent="0.3">
      <c r="B9" s="167" t="s">
        <v>280</v>
      </c>
      <c r="H9" s="128"/>
      <c r="L9" s="128"/>
      <c r="M9" s="128"/>
    </row>
    <row r="10" spans="1:13" x14ac:dyDescent="0.3">
      <c r="B10" s="167" t="s">
        <v>281</v>
      </c>
      <c r="H10" s="128"/>
      <c r="L10" s="128"/>
      <c r="M10" s="128"/>
    </row>
    <row r="11" spans="1:13" ht="15.75" customHeight="1" thickBot="1" x14ac:dyDescent="0.35">
      <c r="B11" s="167" t="s">
        <v>282</v>
      </c>
      <c r="H11" s="128"/>
      <c r="L11" s="128"/>
      <c r="M11" s="128"/>
    </row>
    <row r="12" spans="1:13" x14ac:dyDescent="0.3">
      <c r="B12" s="162"/>
      <c r="H12" s="128"/>
      <c r="L12" s="128"/>
      <c r="M12" s="128"/>
    </row>
    <row r="13" spans="1:13" ht="37.5" customHeight="1" x14ac:dyDescent="0.3">
      <c r="A13" s="163" t="s">
        <v>283</v>
      </c>
      <c r="B13" s="163" t="s">
        <v>276</v>
      </c>
      <c r="C13" s="77"/>
      <c r="D13" s="77"/>
      <c r="E13" s="77"/>
      <c r="F13" s="77"/>
      <c r="G13" s="78"/>
      <c r="H13" s="128"/>
      <c r="L13" s="128"/>
      <c r="M13" s="128"/>
    </row>
    <row r="14" spans="1:13" x14ac:dyDescent="0.3">
      <c r="A14" s="156" t="s">
        <v>284</v>
      </c>
      <c r="B14" s="129" t="s">
        <v>285</v>
      </c>
      <c r="C14" s="166" t="s">
        <v>286</v>
      </c>
      <c r="E14" s="145"/>
      <c r="F14" s="145"/>
      <c r="H14" s="128"/>
      <c r="L14" s="128"/>
      <c r="M14" s="128"/>
    </row>
    <row r="15" spans="1:13" x14ac:dyDescent="0.3">
      <c r="A15" s="156" t="s">
        <v>287</v>
      </c>
      <c r="B15" s="129" t="s">
        <v>288</v>
      </c>
      <c r="C15" s="166" t="s">
        <v>289</v>
      </c>
      <c r="E15" s="145"/>
      <c r="F15" s="145"/>
      <c r="H15" s="128"/>
      <c r="L15" s="128"/>
      <c r="M15" s="128"/>
    </row>
    <row r="16" spans="1:13" x14ac:dyDescent="0.3">
      <c r="A16" s="156" t="s">
        <v>290</v>
      </c>
      <c r="B16" s="129" t="s">
        <v>291</v>
      </c>
      <c r="C16" s="167" t="s">
        <v>292</v>
      </c>
      <c r="E16" s="145"/>
      <c r="F16" s="145"/>
      <c r="H16" s="128"/>
      <c r="L16" s="128"/>
      <c r="M16" s="128"/>
    </row>
    <row r="17" spans="1:13" x14ac:dyDescent="0.3">
      <c r="A17" s="156" t="s">
        <v>293</v>
      </c>
      <c r="B17" s="129" t="s">
        <v>294</v>
      </c>
      <c r="C17" s="166" t="s">
        <v>295</v>
      </c>
      <c r="E17" s="145"/>
      <c r="F17" s="145"/>
      <c r="H17" s="128"/>
      <c r="L17" s="128"/>
      <c r="M17" s="128"/>
    </row>
    <row r="18" spans="1:13" hidden="1" outlineLevel="1" x14ac:dyDescent="0.3">
      <c r="A18" s="156" t="s">
        <v>296</v>
      </c>
      <c r="B18" s="104" t="s">
        <v>297</v>
      </c>
      <c r="C18" s="166" t="s">
        <v>298</v>
      </c>
      <c r="E18" s="145"/>
      <c r="F18" s="145"/>
      <c r="H18" s="128"/>
      <c r="L18" s="128"/>
      <c r="M18" s="128"/>
    </row>
    <row r="19" spans="1:13" hidden="1" outlineLevel="1" x14ac:dyDescent="0.3">
      <c r="A19" s="156" t="s">
        <v>299</v>
      </c>
      <c r="B19" s="104" t="s">
        <v>300</v>
      </c>
      <c r="C19" s="166" t="s">
        <v>289</v>
      </c>
      <c r="E19" s="145"/>
      <c r="F19" s="145"/>
      <c r="H19" s="128"/>
      <c r="L19" s="128"/>
      <c r="M19" s="128"/>
    </row>
    <row r="20" spans="1:13" hidden="1" outlineLevel="1" x14ac:dyDescent="0.3">
      <c r="A20" s="156" t="s">
        <v>301</v>
      </c>
      <c r="B20" s="104"/>
      <c r="E20" s="145"/>
      <c r="F20" s="145"/>
      <c r="H20" s="128"/>
      <c r="L20" s="128"/>
      <c r="M20" s="128"/>
    </row>
    <row r="21" spans="1:13" hidden="1" outlineLevel="1" x14ac:dyDescent="0.3">
      <c r="A21" s="156" t="s">
        <v>302</v>
      </c>
      <c r="B21" s="104"/>
      <c r="E21" s="145"/>
      <c r="F21" s="145"/>
      <c r="H21" s="128"/>
      <c r="L21" s="128"/>
      <c r="M21" s="128"/>
    </row>
    <row r="22" spans="1:13" hidden="1" outlineLevel="1" x14ac:dyDescent="0.3">
      <c r="A22" s="156" t="s">
        <v>303</v>
      </c>
      <c r="B22" s="104"/>
      <c r="E22" s="145"/>
      <c r="F22" s="145"/>
      <c r="H22" s="128"/>
      <c r="L22" s="128"/>
      <c r="M22" s="128"/>
    </row>
    <row r="23" spans="1:13" hidden="1" outlineLevel="1" x14ac:dyDescent="0.3">
      <c r="A23" s="156" t="s">
        <v>304</v>
      </c>
      <c r="B23" s="104"/>
      <c r="E23" s="145"/>
      <c r="F23" s="145"/>
      <c r="H23" s="128"/>
      <c r="L23" s="128"/>
      <c r="M23" s="128"/>
    </row>
    <row r="24" spans="1:13" hidden="1" outlineLevel="1" x14ac:dyDescent="0.3">
      <c r="A24" s="156" t="s">
        <v>305</v>
      </c>
      <c r="B24" s="104"/>
      <c r="E24" s="145"/>
      <c r="F24" s="145"/>
      <c r="H24" s="128"/>
      <c r="L24" s="128"/>
      <c r="M24" s="128"/>
    </row>
    <row r="25" spans="1:13" hidden="1" outlineLevel="1" x14ac:dyDescent="0.3">
      <c r="A25" s="156" t="s">
        <v>306</v>
      </c>
      <c r="B25" s="104"/>
      <c r="E25" s="145"/>
      <c r="F25" s="145"/>
      <c r="H25" s="128"/>
      <c r="L25" s="128"/>
      <c r="M25" s="128"/>
    </row>
    <row r="26" spans="1:13" ht="18.75" customHeight="1" collapsed="1" x14ac:dyDescent="0.3">
      <c r="A26" s="77"/>
      <c r="B26" s="168" t="s">
        <v>277</v>
      </c>
      <c r="C26" s="77"/>
      <c r="D26" s="77"/>
      <c r="E26" s="77"/>
      <c r="F26" s="77"/>
      <c r="G26" s="78"/>
      <c r="H26" s="128"/>
      <c r="L26" s="128"/>
      <c r="M26" s="128"/>
    </row>
    <row r="27" spans="1:13" x14ac:dyDescent="0.3">
      <c r="A27" s="166" t="s">
        <v>307</v>
      </c>
      <c r="B27" s="167" t="s">
        <v>308</v>
      </c>
      <c r="C27" s="166" t="s">
        <v>309</v>
      </c>
      <c r="D27" s="151"/>
      <c r="E27" s="151"/>
      <c r="F27" s="151"/>
      <c r="H27" s="128"/>
      <c r="L27" s="128"/>
      <c r="M27" s="128"/>
    </row>
    <row r="28" spans="1:13" x14ac:dyDescent="0.3">
      <c r="A28" s="166" t="s">
        <v>310</v>
      </c>
      <c r="B28" s="167" t="s">
        <v>311</v>
      </c>
      <c r="C28" s="166" t="s">
        <v>309</v>
      </c>
      <c r="D28" s="151"/>
      <c r="E28" s="151"/>
      <c r="F28" s="151"/>
      <c r="H28" s="128"/>
      <c r="L28" s="128"/>
      <c r="M28" s="156" t="s">
        <v>309</v>
      </c>
    </row>
    <row r="29" spans="1:13" x14ac:dyDescent="0.3">
      <c r="A29" s="166" t="s">
        <v>312</v>
      </c>
      <c r="B29" s="167" t="s">
        <v>313</v>
      </c>
      <c r="C29" s="167" t="s">
        <v>314</v>
      </c>
      <c r="E29" s="151"/>
      <c r="F29" s="151"/>
      <c r="H29" s="128"/>
      <c r="L29" s="128"/>
      <c r="M29" s="156" t="s">
        <v>315</v>
      </c>
    </row>
    <row r="30" spans="1:13" ht="30" customHeight="1" outlineLevel="1" x14ac:dyDescent="0.3">
      <c r="A30" s="156" t="s">
        <v>316</v>
      </c>
      <c r="B30" s="157" t="s">
        <v>317</v>
      </c>
      <c r="C30" s="279" t="s">
        <v>3001</v>
      </c>
      <c r="E30" s="151"/>
      <c r="F30" s="151"/>
      <c r="H30" s="128"/>
      <c r="L30" s="128"/>
      <c r="M30" s="156" t="s">
        <v>318</v>
      </c>
    </row>
    <row r="31" spans="1:13" hidden="1" outlineLevel="1" x14ac:dyDescent="0.3">
      <c r="A31" s="156" t="s">
        <v>319</v>
      </c>
      <c r="B31" s="157"/>
      <c r="E31" s="151"/>
      <c r="F31" s="151"/>
      <c r="H31" s="128"/>
      <c r="L31" s="128"/>
      <c r="M31" s="128"/>
    </row>
    <row r="32" spans="1:13" hidden="1" outlineLevel="1" x14ac:dyDescent="0.3">
      <c r="A32" s="156" t="s">
        <v>320</v>
      </c>
      <c r="B32" s="157"/>
      <c r="E32" s="151"/>
      <c r="F32" s="151"/>
      <c r="H32" s="128"/>
      <c r="L32" s="128"/>
      <c r="M32" s="128"/>
    </row>
    <row r="33" spans="1:14" hidden="1" outlineLevel="1" x14ac:dyDescent="0.3">
      <c r="A33" s="156" t="s">
        <v>321</v>
      </c>
      <c r="B33" s="157"/>
      <c r="E33" s="151"/>
      <c r="F33" s="151"/>
      <c r="H33" s="128"/>
      <c r="L33" s="128"/>
      <c r="M33" s="128"/>
    </row>
    <row r="34" spans="1:14" hidden="1" outlineLevel="1" x14ac:dyDescent="0.3">
      <c r="A34" s="156" t="s">
        <v>322</v>
      </c>
      <c r="B34" s="157"/>
      <c r="E34" s="151"/>
      <c r="F34" s="151"/>
      <c r="H34" s="128"/>
      <c r="L34" s="128"/>
      <c r="M34" s="128"/>
    </row>
    <row r="35" spans="1:14" hidden="1" outlineLevel="1" x14ac:dyDescent="0.3">
      <c r="A35" s="156" t="s">
        <v>323</v>
      </c>
      <c r="B35" s="39"/>
      <c r="E35" s="151"/>
      <c r="F35" s="151"/>
      <c r="H35" s="128"/>
      <c r="L35" s="128"/>
      <c r="M35" s="128"/>
    </row>
    <row r="36" spans="1:14" ht="18.75" customHeight="1" x14ac:dyDescent="0.3">
      <c r="A36" s="163"/>
      <c r="B36" s="163" t="s">
        <v>278</v>
      </c>
      <c r="C36" s="163"/>
      <c r="D36" s="77"/>
      <c r="E36" s="77"/>
      <c r="F36" s="77"/>
      <c r="G36" s="78"/>
      <c r="H36" s="128"/>
      <c r="L36" s="128"/>
      <c r="M36" s="128"/>
    </row>
    <row r="37" spans="1:14" ht="15" customHeight="1" x14ac:dyDescent="0.3">
      <c r="A37" s="103"/>
      <c r="B37" s="79" t="s">
        <v>324</v>
      </c>
      <c r="C37" s="103" t="s">
        <v>325</v>
      </c>
      <c r="D37" s="81"/>
      <c r="E37" s="81"/>
      <c r="F37" s="81"/>
      <c r="G37" s="80"/>
      <c r="H37" s="128"/>
      <c r="L37" s="128"/>
      <c r="M37" s="128"/>
    </row>
    <row r="38" spans="1:14" x14ac:dyDescent="0.3">
      <c r="A38" s="156" t="s">
        <v>326</v>
      </c>
      <c r="B38" s="151" t="s">
        <v>327</v>
      </c>
      <c r="C38" s="169">
        <v>706641.77</v>
      </c>
      <c r="F38" s="151"/>
      <c r="H38" s="128"/>
      <c r="L38" s="128"/>
      <c r="M38" s="128"/>
    </row>
    <row r="39" spans="1:14" x14ac:dyDescent="0.3">
      <c r="A39" s="156" t="s">
        <v>328</v>
      </c>
      <c r="B39" s="151" t="s">
        <v>329</v>
      </c>
      <c r="C39" s="169">
        <v>328948.78000000003</v>
      </c>
      <c r="F39" s="151"/>
      <c r="H39" s="128"/>
      <c r="L39" s="128"/>
      <c r="M39" s="128"/>
      <c r="N39" s="140"/>
    </row>
    <row r="40" spans="1:14" outlineLevel="1" x14ac:dyDescent="0.3">
      <c r="A40" s="156" t="s">
        <v>330</v>
      </c>
      <c r="B40" s="40" t="s">
        <v>331</v>
      </c>
      <c r="C40" s="169">
        <v>699926.42987203295</v>
      </c>
      <c r="F40" s="151"/>
      <c r="H40" s="128"/>
      <c r="L40" s="128"/>
      <c r="M40" s="128"/>
      <c r="N40" s="140"/>
    </row>
    <row r="41" spans="1:14" outlineLevel="1" x14ac:dyDescent="0.3">
      <c r="A41" s="156" t="s">
        <v>332</v>
      </c>
      <c r="B41" s="40" t="s">
        <v>333</v>
      </c>
      <c r="C41" s="169">
        <v>315612.91359265201</v>
      </c>
      <c r="F41" s="151"/>
      <c r="H41" s="128"/>
      <c r="L41" s="128"/>
      <c r="M41" s="128"/>
      <c r="N41" s="140"/>
    </row>
    <row r="42" spans="1:14" hidden="1" outlineLevel="1" x14ac:dyDescent="0.3">
      <c r="A42" s="156" t="s">
        <v>334</v>
      </c>
      <c r="B42" s="40"/>
      <c r="C42" s="170"/>
      <c r="F42" s="151"/>
      <c r="H42" s="128"/>
      <c r="L42" s="128"/>
      <c r="M42" s="128"/>
      <c r="N42" s="140"/>
    </row>
    <row r="43" spans="1:14" hidden="1" outlineLevel="1" x14ac:dyDescent="0.3">
      <c r="A43" s="140" t="s">
        <v>335</v>
      </c>
      <c r="B43" s="151"/>
      <c r="F43" s="151"/>
      <c r="H43" s="128"/>
      <c r="L43" s="128"/>
      <c r="M43" s="128"/>
      <c r="N43" s="140"/>
    </row>
    <row r="44" spans="1:14" ht="15" customHeight="1" x14ac:dyDescent="0.3">
      <c r="A44" s="103"/>
      <c r="B44" s="103" t="s">
        <v>336</v>
      </c>
      <c r="C44" s="103" t="s">
        <v>337</v>
      </c>
      <c r="D44" s="103" t="s">
        <v>338</v>
      </c>
      <c r="E44" s="103"/>
      <c r="F44" s="103" t="s">
        <v>339</v>
      </c>
      <c r="G44" s="103" t="s">
        <v>340</v>
      </c>
      <c r="I44" s="128"/>
      <c r="J44" s="128"/>
      <c r="K44" s="140"/>
      <c r="L44" s="140"/>
      <c r="M44" s="140"/>
      <c r="N44" s="140"/>
    </row>
    <row r="45" spans="1:14" x14ac:dyDescent="0.3">
      <c r="A45" s="156" t="s">
        <v>341</v>
      </c>
      <c r="B45" s="151" t="s">
        <v>342</v>
      </c>
      <c r="C45" s="171">
        <v>0.02</v>
      </c>
      <c r="D45" s="172">
        <f>(((C38/C39)-1)-C45)</f>
        <v>1.1281817625224204</v>
      </c>
      <c r="E45" s="173"/>
      <c r="F45" s="166" t="s">
        <v>343</v>
      </c>
      <c r="G45" s="166" t="s">
        <v>343</v>
      </c>
      <c r="H45" s="128"/>
      <c r="L45" s="128"/>
      <c r="M45" s="128"/>
      <c r="N45" s="140"/>
    </row>
    <row r="46" spans="1:14" hidden="1" outlineLevel="1" x14ac:dyDescent="0.3">
      <c r="A46" s="156" t="s">
        <v>344</v>
      </c>
      <c r="B46" s="104" t="s">
        <v>345</v>
      </c>
      <c r="C46" s="173"/>
      <c r="D46" s="173"/>
      <c r="E46" s="173"/>
      <c r="F46" s="173"/>
      <c r="G46" s="114"/>
      <c r="H46" s="128"/>
      <c r="L46" s="128"/>
      <c r="M46" s="128"/>
      <c r="N46" s="140"/>
    </row>
    <row r="47" spans="1:14" hidden="1" outlineLevel="1" x14ac:dyDescent="0.3">
      <c r="A47" s="156" t="s">
        <v>346</v>
      </c>
      <c r="B47" s="104" t="s">
        <v>347</v>
      </c>
      <c r="C47" s="173"/>
      <c r="D47" s="173"/>
      <c r="E47" s="173"/>
      <c r="F47" s="173"/>
      <c r="G47" s="114"/>
      <c r="H47" s="128"/>
      <c r="L47" s="128"/>
      <c r="M47" s="128"/>
      <c r="N47" s="140"/>
    </row>
    <row r="48" spans="1:14" hidden="1" outlineLevel="1" x14ac:dyDescent="0.3">
      <c r="A48" s="156" t="s">
        <v>348</v>
      </c>
      <c r="B48" s="104"/>
      <c r="C48" s="114"/>
      <c r="D48" s="114"/>
      <c r="E48" s="114"/>
      <c r="F48" s="114"/>
      <c r="G48" s="114"/>
      <c r="H48" s="128"/>
      <c r="L48" s="128"/>
      <c r="M48" s="128"/>
      <c r="N48" s="140"/>
    </row>
    <row r="49" spans="1:14" hidden="1" outlineLevel="1" x14ac:dyDescent="0.3">
      <c r="A49" s="156" t="s">
        <v>349</v>
      </c>
      <c r="B49" s="104"/>
      <c r="C49" s="114"/>
      <c r="D49" s="114"/>
      <c r="E49" s="114"/>
      <c r="F49" s="114"/>
      <c r="G49" s="114"/>
      <c r="H49" s="128"/>
      <c r="L49" s="128"/>
      <c r="M49" s="128"/>
      <c r="N49" s="140"/>
    </row>
    <row r="50" spans="1:14" hidden="1" outlineLevel="1" x14ac:dyDescent="0.3">
      <c r="A50" s="156" t="s">
        <v>350</v>
      </c>
      <c r="B50" s="104"/>
      <c r="C50" s="114"/>
      <c r="D50" s="114"/>
      <c r="E50" s="114"/>
      <c r="F50" s="114"/>
      <c r="G50" s="114"/>
      <c r="H50" s="128"/>
      <c r="L50" s="128"/>
      <c r="M50" s="128"/>
      <c r="N50" s="140"/>
    </row>
    <row r="51" spans="1:14" hidden="1" outlineLevel="1" x14ac:dyDescent="0.3">
      <c r="A51" s="156" t="s">
        <v>351</v>
      </c>
      <c r="B51" s="104"/>
      <c r="C51" s="114"/>
      <c r="D51" s="114"/>
      <c r="E51" s="114"/>
      <c r="F51" s="114"/>
      <c r="G51" s="114"/>
      <c r="H51" s="128"/>
      <c r="L51" s="128"/>
      <c r="M51" s="128"/>
      <c r="N51" s="140"/>
    </row>
    <row r="52" spans="1:14" ht="15" customHeight="1" collapsed="1" x14ac:dyDescent="0.3">
      <c r="A52" s="103"/>
      <c r="B52" s="79" t="s">
        <v>352</v>
      </c>
      <c r="C52" s="103" t="s">
        <v>325</v>
      </c>
      <c r="D52" s="103"/>
      <c r="E52" s="81"/>
      <c r="F52" s="80" t="s">
        <v>353</v>
      </c>
      <c r="G52" s="80"/>
      <c r="H52" s="128"/>
      <c r="L52" s="128"/>
      <c r="M52" s="128"/>
      <c r="N52" s="140"/>
    </row>
    <row r="53" spans="1:14" x14ac:dyDescent="0.3">
      <c r="A53" s="156" t="s">
        <v>354</v>
      </c>
      <c r="B53" s="151" t="s">
        <v>355</v>
      </c>
      <c r="C53" s="169">
        <v>706641.77</v>
      </c>
      <c r="E53" s="116"/>
      <c r="F53" s="174">
        <f>IF($C$58=0,"",IF(C53="[for completion]","",C53/$C$58))</f>
        <v>1</v>
      </c>
      <c r="G53" s="117"/>
      <c r="H53" s="128"/>
      <c r="L53" s="128"/>
      <c r="M53" s="128"/>
      <c r="N53" s="140"/>
    </row>
    <row r="54" spans="1:14" x14ac:dyDescent="0.3">
      <c r="A54" s="156" t="s">
        <v>356</v>
      </c>
      <c r="B54" s="151" t="s">
        <v>357</v>
      </c>
      <c r="C54" s="169">
        <v>0</v>
      </c>
      <c r="E54" s="116"/>
      <c r="F54" s="174">
        <f>IF($C$58=0,"",IF(C54="[for completion]","",C54/$C$58))</f>
        <v>0</v>
      </c>
      <c r="G54" s="117"/>
      <c r="H54" s="128"/>
      <c r="L54" s="128"/>
      <c r="M54" s="128"/>
      <c r="N54" s="140"/>
    </row>
    <row r="55" spans="1:14" x14ac:dyDescent="0.3">
      <c r="A55" s="156" t="s">
        <v>358</v>
      </c>
      <c r="B55" s="151" t="s">
        <v>359</v>
      </c>
      <c r="C55" s="166" t="s">
        <v>360</v>
      </c>
      <c r="E55" s="116"/>
      <c r="F55" s="166"/>
      <c r="G55" s="117"/>
      <c r="H55" s="128"/>
      <c r="L55" s="128"/>
      <c r="M55" s="128"/>
      <c r="N55" s="140"/>
    </row>
    <row r="56" spans="1:14" x14ac:dyDescent="0.3">
      <c r="A56" s="156" t="s">
        <v>361</v>
      </c>
      <c r="B56" s="151" t="s">
        <v>362</v>
      </c>
      <c r="C56" s="169">
        <v>0</v>
      </c>
      <c r="E56" s="116"/>
      <c r="F56" s="174">
        <f>IF($C$58=0,"",IF(C56="[for completion]","",C56/$C$58))</f>
        <v>0</v>
      </c>
      <c r="G56" s="117"/>
      <c r="H56" s="128"/>
      <c r="L56" s="128"/>
      <c r="M56" s="128"/>
      <c r="N56" s="140"/>
    </row>
    <row r="57" spans="1:14" x14ac:dyDescent="0.3">
      <c r="A57" s="156" t="s">
        <v>363</v>
      </c>
      <c r="B57" s="156" t="s">
        <v>364</v>
      </c>
      <c r="C57" s="169">
        <v>0</v>
      </c>
      <c r="E57" s="116"/>
      <c r="F57" s="174">
        <f>IF($C$58=0,"",IF(C57="[for completion]","",C57/$C$58))</f>
        <v>0</v>
      </c>
      <c r="G57" s="117"/>
      <c r="H57" s="128"/>
      <c r="L57" s="128"/>
      <c r="M57" s="128"/>
      <c r="N57" s="140"/>
    </row>
    <row r="58" spans="1:14" x14ac:dyDescent="0.3">
      <c r="A58" s="156" t="s">
        <v>365</v>
      </c>
      <c r="B58" s="115" t="s">
        <v>366</v>
      </c>
      <c r="C58" s="169">
        <f>SUM(C53:C57)</f>
        <v>706641.77</v>
      </c>
      <c r="D58" s="116"/>
      <c r="E58" s="116"/>
      <c r="F58" s="175">
        <f>SUM(F53:F57)</f>
        <v>1</v>
      </c>
      <c r="G58" s="117"/>
      <c r="H58" s="128"/>
      <c r="L58" s="128"/>
      <c r="M58" s="128"/>
      <c r="N58" s="140"/>
    </row>
    <row r="59" spans="1:14" hidden="1" outlineLevel="1" x14ac:dyDescent="0.3">
      <c r="A59" s="156" t="s">
        <v>367</v>
      </c>
      <c r="B59" s="106" t="s">
        <v>368</v>
      </c>
      <c r="C59" s="170"/>
      <c r="E59" s="116"/>
      <c r="F59" s="174">
        <f t="shared" ref="F59:F64" si="0">IF($C$58=0,"",IF(C59="[for completion]","",C59/$C$58))</f>
        <v>0</v>
      </c>
      <c r="G59" s="117"/>
      <c r="H59" s="128"/>
      <c r="L59" s="128"/>
      <c r="M59" s="128"/>
      <c r="N59" s="140"/>
    </row>
    <row r="60" spans="1:14" hidden="1" outlineLevel="1" x14ac:dyDescent="0.3">
      <c r="A60" s="156" t="s">
        <v>369</v>
      </c>
      <c r="B60" s="106" t="s">
        <v>368</v>
      </c>
      <c r="C60" s="170"/>
      <c r="E60" s="116"/>
      <c r="F60" s="174">
        <f t="shared" si="0"/>
        <v>0</v>
      </c>
      <c r="G60" s="117"/>
      <c r="H60" s="128"/>
      <c r="L60" s="128"/>
      <c r="M60" s="128"/>
      <c r="N60" s="140"/>
    </row>
    <row r="61" spans="1:14" hidden="1" outlineLevel="1" x14ac:dyDescent="0.3">
      <c r="A61" s="156" t="s">
        <v>370</v>
      </c>
      <c r="B61" s="106" t="s">
        <v>368</v>
      </c>
      <c r="C61" s="170"/>
      <c r="E61" s="116"/>
      <c r="F61" s="174">
        <f t="shared" si="0"/>
        <v>0</v>
      </c>
      <c r="G61" s="117"/>
      <c r="H61" s="128"/>
      <c r="L61" s="128"/>
      <c r="M61" s="128"/>
      <c r="N61" s="140"/>
    </row>
    <row r="62" spans="1:14" hidden="1" outlineLevel="1" x14ac:dyDescent="0.3">
      <c r="A62" s="156" t="s">
        <v>371</v>
      </c>
      <c r="B62" s="106" t="s">
        <v>368</v>
      </c>
      <c r="C62" s="170"/>
      <c r="E62" s="116"/>
      <c r="F62" s="174">
        <f t="shared" si="0"/>
        <v>0</v>
      </c>
      <c r="G62" s="117"/>
      <c r="H62" s="128"/>
      <c r="L62" s="128"/>
      <c r="M62" s="128"/>
      <c r="N62" s="140"/>
    </row>
    <row r="63" spans="1:14" hidden="1" outlineLevel="1" x14ac:dyDescent="0.3">
      <c r="A63" s="156" t="s">
        <v>372</v>
      </c>
      <c r="B63" s="106" t="s">
        <v>368</v>
      </c>
      <c r="C63" s="170"/>
      <c r="E63" s="116"/>
      <c r="F63" s="174">
        <f t="shared" si="0"/>
        <v>0</v>
      </c>
      <c r="G63" s="117"/>
      <c r="H63" s="128"/>
      <c r="L63" s="128"/>
      <c r="M63" s="128"/>
      <c r="N63" s="140"/>
    </row>
    <row r="64" spans="1:14" hidden="1" outlineLevel="1" x14ac:dyDescent="0.3">
      <c r="A64" s="156" t="s">
        <v>373</v>
      </c>
      <c r="B64" s="106" t="s">
        <v>368</v>
      </c>
      <c r="C64" s="176"/>
      <c r="D64" s="140"/>
      <c r="E64" s="140"/>
      <c r="F64" s="174">
        <f t="shared" si="0"/>
        <v>0</v>
      </c>
      <c r="G64" s="42"/>
      <c r="H64" s="128"/>
      <c r="L64" s="128"/>
      <c r="M64" s="128"/>
      <c r="N64" s="140"/>
    </row>
    <row r="65" spans="1:14" ht="15" customHeight="1" collapsed="1" x14ac:dyDescent="0.3">
      <c r="A65" s="103"/>
      <c r="B65" s="79" t="s">
        <v>374</v>
      </c>
      <c r="C65" s="118" t="s">
        <v>375</v>
      </c>
      <c r="D65" s="118" t="s">
        <v>376</v>
      </c>
      <c r="E65" s="81"/>
      <c r="F65" s="80" t="s">
        <v>377</v>
      </c>
      <c r="G65" s="43" t="s">
        <v>378</v>
      </c>
      <c r="H65" s="128"/>
      <c r="L65" s="128"/>
      <c r="M65" s="128"/>
      <c r="N65" s="140"/>
    </row>
    <row r="66" spans="1:14" x14ac:dyDescent="0.3">
      <c r="A66" s="156" t="s">
        <v>379</v>
      </c>
      <c r="B66" s="151" t="s">
        <v>380</v>
      </c>
      <c r="C66" s="280">
        <v>25.277735581754712</v>
      </c>
      <c r="D66" s="280">
        <v>8.9263881467865787</v>
      </c>
      <c r="E66" s="129"/>
      <c r="F66" s="44"/>
      <c r="G66" s="94"/>
      <c r="H66" s="128"/>
      <c r="L66" s="128"/>
      <c r="M66" s="128"/>
      <c r="N66" s="140"/>
    </row>
    <row r="67" spans="1:14" x14ac:dyDescent="0.3">
      <c r="B67" s="151"/>
      <c r="E67" s="129"/>
      <c r="F67" s="44"/>
      <c r="G67" s="94"/>
      <c r="H67" s="128"/>
      <c r="L67" s="128"/>
      <c r="M67" s="128"/>
      <c r="N67" s="140"/>
    </row>
    <row r="68" spans="1:14" x14ac:dyDescent="0.3">
      <c r="B68" s="151" t="s">
        <v>381</v>
      </c>
      <c r="C68" s="129"/>
      <c r="D68" s="129"/>
      <c r="E68" s="129"/>
      <c r="F68" s="94"/>
      <c r="G68" s="94"/>
      <c r="H68" s="128"/>
      <c r="L68" s="128"/>
      <c r="M68" s="128"/>
      <c r="N68" s="140"/>
    </row>
    <row r="69" spans="1:14" x14ac:dyDescent="0.3">
      <c r="B69" s="151" t="s">
        <v>382</v>
      </c>
      <c r="E69" s="129"/>
      <c r="F69" s="94"/>
      <c r="G69" s="94"/>
      <c r="H69" s="128"/>
      <c r="L69" s="128"/>
      <c r="M69" s="128"/>
      <c r="N69" s="140"/>
    </row>
    <row r="70" spans="1:14" x14ac:dyDescent="0.3">
      <c r="A70" s="156" t="s">
        <v>383</v>
      </c>
      <c r="B70" s="108" t="s">
        <v>384</v>
      </c>
      <c r="C70" s="169">
        <v>22759.83</v>
      </c>
      <c r="D70" s="166" t="s">
        <v>343</v>
      </c>
      <c r="E70" s="108"/>
      <c r="F70" s="174">
        <f t="shared" ref="F70:F76" si="1">IF($C$77=0,"",IF(C70="[for completion]","",C70/$C$77))</f>
        <v>3.2208440887828628E-2</v>
      </c>
      <c r="G70" s="174" t="str">
        <f t="shared" ref="G70:G76" si="2">IF($D$77=0,"",IF(D70="[Mark as ND1 if not relevant]","",D70/$D$77))</f>
        <v/>
      </c>
      <c r="H70" s="128"/>
      <c r="L70" s="128"/>
      <c r="M70" s="128"/>
      <c r="N70" s="140"/>
    </row>
    <row r="71" spans="1:14" x14ac:dyDescent="0.3">
      <c r="A71" s="156" t="s">
        <v>385</v>
      </c>
      <c r="B71" s="108" t="s">
        <v>386</v>
      </c>
      <c r="C71" s="169">
        <v>29926.39</v>
      </c>
      <c r="D71" s="166" t="s">
        <v>343</v>
      </c>
      <c r="E71" s="108"/>
      <c r="F71" s="174">
        <f t="shared" si="1"/>
        <v>4.2350156539003397E-2</v>
      </c>
      <c r="G71" s="174" t="str">
        <f t="shared" si="2"/>
        <v/>
      </c>
      <c r="H71" s="128"/>
      <c r="L71" s="128"/>
      <c r="M71" s="128"/>
      <c r="N71" s="140"/>
    </row>
    <row r="72" spans="1:14" x14ac:dyDescent="0.3">
      <c r="A72" s="156" t="s">
        <v>387</v>
      </c>
      <c r="B72" s="108" t="s">
        <v>388</v>
      </c>
      <c r="C72" s="169">
        <v>27501.86</v>
      </c>
      <c r="D72" s="166" t="s">
        <v>343</v>
      </c>
      <c r="E72" s="108"/>
      <c r="F72" s="174">
        <f t="shared" si="1"/>
        <v>3.891909702820006E-2</v>
      </c>
      <c r="G72" s="174" t="str">
        <f t="shared" si="2"/>
        <v/>
      </c>
      <c r="H72" s="128"/>
      <c r="L72" s="128"/>
      <c r="M72" s="128"/>
      <c r="N72" s="140"/>
    </row>
    <row r="73" spans="1:14" x14ac:dyDescent="0.3">
      <c r="A73" s="156" t="s">
        <v>389</v>
      </c>
      <c r="B73" s="108" t="s">
        <v>390</v>
      </c>
      <c r="C73" s="169">
        <v>25643.9</v>
      </c>
      <c r="D73" s="166" t="s">
        <v>343</v>
      </c>
      <c r="E73" s="108"/>
      <c r="F73" s="174">
        <f t="shared" si="1"/>
        <v>3.6289815753605736E-2</v>
      </c>
      <c r="G73" s="174" t="str">
        <f t="shared" si="2"/>
        <v/>
      </c>
      <c r="H73" s="128"/>
      <c r="L73" s="128"/>
      <c r="M73" s="128"/>
      <c r="N73" s="140"/>
    </row>
    <row r="74" spans="1:14" x14ac:dyDescent="0.3">
      <c r="A74" s="156" t="s">
        <v>391</v>
      </c>
      <c r="B74" s="108" t="s">
        <v>392</v>
      </c>
      <c r="C74" s="169">
        <v>23201.13</v>
      </c>
      <c r="D74" s="166" t="s">
        <v>343</v>
      </c>
      <c r="E74" s="108"/>
      <c r="F74" s="174">
        <f t="shared" si="1"/>
        <v>3.2832944013018873E-2</v>
      </c>
      <c r="G74" s="174" t="str">
        <f t="shared" si="2"/>
        <v/>
      </c>
      <c r="H74" s="128"/>
      <c r="L74" s="128"/>
      <c r="M74" s="128"/>
      <c r="N74" s="140"/>
    </row>
    <row r="75" spans="1:14" x14ac:dyDescent="0.3">
      <c r="A75" s="156" t="s">
        <v>393</v>
      </c>
      <c r="B75" s="108" t="s">
        <v>394</v>
      </c>
      <c r="C75" s="169">
        <v>86563.93</v>
      </c>
      <c r="D75" s="166" t="s">
        <v>343</v>
      </c>
      <c r="E75" s="108"/>
      <c r="F75" s="174">
        <f t="shared" si="1"/>
        <v>0.12250044145422592</v>
      </c>
      <c r="G75" s="174" t="str">
        <f t="shared" si="2"/>
        <v/>
      </c>
      <c r="H75" s="128"/>
      <c r="L75" s="128"/>
      <c r="M75" s="128"/>
      <c r="N75" s="140"/>
    </row>
    <row r="76" spans="1:14" x14ac:dyDescent="0.3">
      <c r="A76" s="156" t="s">
        <v>395</v>
      </c>
      <c r="B76" s="108" t="s">
        <v>396</v>
      </c>
      <c r="C76" s="169">
        <v>491044.74</v>
      </c>
      <c r="D76" s="166" t="s">
        <v>343</v>
      </c>
      <c r="E76" s="108"/>
      <c r="F76" s="174">
        <f t="shared" si="1"/>
        <v>0.69489910432411739</v>
      </c>
      <c r="G76" s="174" t="str">
        <f t="shared" si="2"/>
        <v/>
      </c>
      <c r="H76" s="128"/>
      <c r="L76" s="128"/>
      <c r="M76" s="128"/>
      <c r="N76" s="140"/>
    </row>
    <row r="77" spans="1:14" x14ac:dyDescent="0.3">
      <c r="A77" s="156" t="s">
        <v>397</v>
      </c>
      <c r="B77" s="45" t="s">
        <v>366</v>
      </c>
      <c r="C77" s="169">
        <f>SUM(C70:C76)</f>
        <v>706641.78</v>
      </c>
      <c r="D77" s="177">
        <f>SUM(D70:D76)</f>
        <v>0</v>
      </c>
      <c r="E77" s="151"/>
      <c r="F77" s="175">
        <f>SUM(F70:F76)</f>
        <v>1</v>
      </c>
      <c r="G77" s="175">
        <f>SUM(G70:G76)</f>
        <v>0</v>
      </c>
      <c r="H77" s="128"/>
      <c r="L77" s="128"/>
      <c r="M77" s="128"/>
      <c r="N77" s="140"/>
    </row>
    <row r="78" spans="1:14" hidden="1" outlineLevel="1" x14ac:dyDescent="0.3">
      <c r="A78" s="156" t="s">
        <v>398</v>
      </c>
      <c r="B78" s="46" t="s">
        <v>399</v>
      </c>
      <c r="C78" s="177"/>
      <c r="D78" s="177"/>
      <c r="E78" s="151"/>
      <c r="F78" s="174">
        <f>IF($C$77=0,"",IF(C78="[for completion]","",C78/$C$77))</f>
        <v>0</v>
      </c>
      <c r="G78" s="174" t="str">
        <f>IF($D$77=0,"",IF(D78="[for completion]","",D78/$D$77))</f>
        <v/>
      </c>
      <c r="H78" s="128"/>
      <c r="L78" s="128"/>
      <c r="M78" s="128"/>
      <c r="N78" s="140"/>
    </row>
    <row r="79" spans="1:14" hidden="1" outlineLevel="1" x14ac:dyDescent="0.3">
      <c r="A79" s="156" t="s">
        <v>400</v>
      </c>
      <c r="B79" s="46" t="s">
        <v>401</v>
      </c>
      <c r="C79" s="177"/>
      <c r="D79" s="177"/>
      <c r="E79" s="151"/>
      <c r="F79" s="174">
        <f>IF($C$77=0,"",IF(C79="[for completion]","",C79/$C$77))</f>
        <v>0</v>
      </c>
      <c r="G79" s="174" t="str">
        <f>IF($D$77=0,"",IF(D79="[for completion]","",D79/$D$77))</f>
        <v/>
      </c>
      <c r="H79" s="128"/>
      <c r="L79" s="128"/>
      <c r="M79" s="128"/>
      <c r="N79" s="140"/>
    </row>
    <row r="80" spans="1:14" hidden="1" outlineLevel="1" x14ac:dyDescent="0.3">
      <c r="A80" s="156" t="s">
        <v>402</v>
      </c>
      <c r="B80" s="46" t="s">
        <v>403</v>
      </c>
      <c r="C80" s="177"/>
      <c r="D80" s="177"/>
      <c r="E80" s="151"/>
      <c r="F80" s="174">
        <f>IF($C$77=0,"",IF(C80="[for completion]","",C80/$C$77))</f>
        <v>0</v>
      </c>
      <c r="G80" s="174" t="str">
        <f>IF($D$77=0,"",IF(D80="[for completion]","",D80/$D$77))</f>
        <v/>
      </c>
      <c r="H80" s="128"/>
      <c r="L80" s="128"/>
      <c r="M80" s="128"/>
      <c r="N80" s="140"/>
    </row>
    <row r="81" spans="1:14" hidden="1" outlineLevel="1" x14ac:dyDescent="0.3">
      <c r="A81" s="156" t="s">
        <v>404</v>
      </c>
      <c r="B81" s="46" t="s">
        <v>405</v>
      </c>
      <c r="C81" s="177"/>
      <c r="D81" s="177"/>
      <c r="E81" s="151"/>
      <c r="F81" s="174">
        <f>IF($C$77=0,"",IF(C81="[for completion]","",C81/$C$77))</f>
        <v>0</v>
      </c>
      <c r="G81" s="174" t="str">
        <f>IF($D$77=0,"",IF(D81="[for completion]","",D81/$D$77))</f>
        <v/>
      </c>
      <c r="H81" s="128"/>
      <c r="L81" s="128"/>
      <c r="M81" s="128"/>
      <c r="N81" s="140"/>
    </row>
    <row r="82" spans="1:14" hidden="1" outlineLevel="1" x14ac:dyDescent="0.3">
      <c r="A82" s="156" t="s">
        <v>406</v>
      </c>
      <c r="B82" s="46" t="s">
        <v>407</v>
      </c>
      <c r="C82" s="177"/>
      <c r="D82" s="177"/>
      <c r="E82" s="151"/>
      <c r="F82" s="174">
        <f>IF($C$77=0,"",IF(C82="[for completion]","",C82/$C$77))</f>
        <v>0</v>
      </c>
      <c r="G82" s="174" t="str">
        <f>IF($D$77=0,"",IF(D82="[for completion]","",D82/$D$77))</f>
        <v/>
      </c>
      <c r="H82" s="128"/>
      <c r="L82" s="128"/>
      <c r="M82" s="128"/>
      <c r="N82" s="140"/>
    </row>
    <row r="83" spans="1:14" hidden="1" outlineLevel="1" x14ac:dyDescent="0.3">
      <c r="A83" s="156" t="s">
        <v>408</v>
      </c>
      <c r="B83" s="46"/>
      <c r="C83" s="116"/>
      <c r="D83" s="116"/>
      <c r="E83" s="151"/>
      <c r="F83" s="117"/>
      <c r="G83" s="117"/>
      <c r="H83" s="128"/>
      <c r="L83" s="128"/>
      <c r="M83" s="128"/>
      <c r="N83" s="140"/>
    </row>
    <row r="84" spans="1:14" hidden="1" outlineLevel="1" x14ac:dyDescent="0.3">
      <c r="A84" s="156" t="s">
        <v>409</v>
      </c>
      <c r="B84" s="46"/>
      <c r="C84" s="116"/>
      <c r="D84" s="116"/>
      <c r="E84" s="151"/>
      <c r="F84" s="117"/>
      <c r="G84" s="117"/>
      <c r="H84" s="128"/>
      <c r="L84" s="128"/>
      <c r="M84" s="128"/>
      <c r="N84" s="140"/>
    </row>
    <row r="85" spans="1:14" hidden="1" outlineLevel="1" x14ac:dyDescent="0.3">
      <c r="A85" s="156" t="s">
        <v>410</v>
      </c>
      <c r="B85" s="46"/>
      <c r="C85" s="116"/>
      <c r="D85" s="116"/>
      <c r="E85" s="151"/>
      <c r="F85" s="117"/>
      <c r="G85" s="117"/>
      <c r="H85" s="128"/>
      <c r="L85" s="128"/>
      <c r="M85" s="128"/>
      <c r="N85" s="140"/>
    </row>
    <row r="86" spans="1:14" hidden="1" outlineLevel="1" x14ac:dyDescent="0.3">
      <c r="A86" s="156" t="s">
        <v>411</v>
      </c>
      <c r="B86" s="45"/>
      <c r="C86" s="116"/>
      <c r="D86" s="116"/>
      <c r="E86" s="151"/>
      <c r="F86" s="117">
        <f>IF($C$77=0,"",IF(C86="[for completion]","",C86/$C$77))</f>
        <v>0</v>
      </c>
      <c r="G86" s="117" t="str">
        <f>IF($D$77=0,"",IF(D86="[for completion]","",D86/$D$77))</f>
        <v/>
      </c>
      <c r="H86" s="128"/>
      <c r="L86" s="128"/>
      <c r="M86" s="128"/>
      <c r="N86" s="140"/>
    </row>
    <row r="87" spans="1:14" hidden="1" outlineLevel="1" x14ac:dyDescent="0.3">
      <c r="A87" s="156" t="s">
        <v>412</v>
      </c>
      <c r="B87" s="46"/>
      <c r="C87" s="116"/>
      <c r="D87" s="116"/>
      <c r="E87" s="151"/>
      <c r="F87" s="117">
        <f>IF($C$77=0,"",IF(C87="[for completion]","",C87/$C$77))</f>
        <v>0</v>
      </c>
      <c r="G87" s="117" t="str">
        <f>IF($D$77=0,"",IF(D87="[for completion]","",D87/$D$77))</f>
        <v/>
      </c>
      <c r="H87" s="128"/>
      <c r="L87" s="128"/>
      <c r="M87" s="128"/>
      <c r="N87" s="140"/>
    </row>
    <row r="88" spans="1:14" ht="15" customHeight="1" collapsed="1" x14ac:dyDescent="0.3">
      <c r="A88" s="103"/>
      <c r="B88" s="79" t="s">
        <v>413</v>
      </c>
      <c r="C88" s="118" t="s">
        <v>414</v>
      </c>
      <c r="D88" s="118" t="s">
        <v>415</v>
      </c>
      <c r="E88" s="81"/>
      <c r="F88" s="80" t="s">
        <v>416</v>
      </c>
      <c r="G88" s="103" t="s">
        <v>417</v>
      </c>
      <c r="H88" s="128"/>
      <c r="L88" s="128"/>
      <c r="M88" s="128"/>
      <c r="N88" s="140"/>
    </row>
    <row r="89" spans="1:14" x14ac:dyDescent="0.3">
      <c r="A89" s="156" t="s">
        <v>418</v>
      </c>
      <c r="B89" s="151" t="s">
        <v>419</v>
      </c>
      <c r="C89" s="178">
        <v>3.07</v>
      </c>
      <c r="D89" s="178">
        <v>3.07</v>
      </c>
      <c r="E89" s="129"/>
      <c r="F89" s="179"/>
      <c r="G89" s="180"/>
      <c r="H89" s="128"/>
      <c r="L89" s="128"/>
      <c r="M89" s="128"/>
      <c r="N89" s="140"/>
    </row>
    <row r="90" spans="1:14" x14ac:dyDescent="0.3">
      <c r="B90" s="151"/>
      <c r="C90" s="181"/>
      <c r="D90" s="181"/>
      <c r="E90" s="129"/>
      <c r="F90" s="179"/>
      <c r="G90" s="180"/>
      <c r="H90" s="128"/>
      <c r="L90" s="128"/>
      <c r="M90" s="128"/>
      <c r="N90" s="140"/>
    </row>
    <row r="91" spans="1:14" x14ac:dyDescent="0.3">
      <c r="B91" s="151" t="s">
        <v>420</v>
      </c>
      <c r="C91" s="182"/>
      <c r="D91" s="182"/>
      <c r="E91" s="129"/>
      <c r="F91" s="180"/>
      <c r="G91" s="180"/>
      <c r="H91" s="128"/>
      <c r="L91" s="128"/>
      <c r="M91" s="128"/>
      <c r="N91" s="140"/>
    </row>
    <row r="92" spans="1:14" x14ac:dyDescent="0.3">
      <c r="A92" s="156" t="s">
        <v>421</v>
      </c>
      <c r="B92" s="151" t="s">
        <v>382</v>
      </c>
      <c r="C92" s="181"/>
      <c r="D92" s="181"/>
      <c r="E92" s="129"/>
      <c r="F92" s="180"/>
      <c r="G92" s="180"/>
      <c r="H92" s="128"/>
      <c r="L92" s="128"/>
      <c r="M92" s="128"/>
      <c r="N92" s="140"/>
    </row>
    <row r="93" spans="1:14" x14ac:dyDescent="0.3">
      <c r="A93" s="156" t="s">
        <v>422</v>
      </c>
      <c r="B93" s="108" t="s">
        <v>384</v>
      </c>
      <c r="C93" s="169">
        <v>50479</v>
      </c>
      <c r="D93" s="169">
        <v>50479</v>
      </c>
      <c r="E93" s="108"/>
      <c r="F93" s="174">
        <f t="shared" ref="F93:F99" si="3">IF($C$100=0,"",IF(C93="[for completion]","",IF(C93="","",C93/$C$100)))</f>
        <v>0.15345549682672494</v>
      </c>
      <c r="G93" s="174">
        <f t="shared" ref="G93:G99" si="4">IF($D$100=0,"",IF(D93="[Mark as ND1 if not relevant]","",IF(D93="","",D93/$D$100)))</f>
        <v>0.15345549682672494</v>
      </c>
      <c r="H93" s="128"/>
      <c r="L93" s="128"/>
      <c r="M93" s="128"/>
      <c r="N93" s="140"/>
    </row>
    <row r="94" spans="1:14" x14ac:dyDescent="0.3">
      <c r="A94" s="156" t="s">
        <v>423</v>
      </c>
      <c r="B94" s="108" t="s">
        <v>386</v>
      </c>
      <c r="C94" s="169">
        <v>66965.63</v>
      </c>
      <c r="D94" s="169">
        <v>66965.63</v>
      </c>
      <c r="E94" s="108"/>
      <c r="F94" s="174">
        <f t="shared" si="3"/>
        <v>0.20357463543185556</v>
      </c>
      <c r="G94" s="174">
        <f t="shared" si="4"/>
        <v>0.20357463543185556</v>
      </c>
      <c r="H94" s="128"/>
      <c r="L94" s="128"/>
      <c r="M94" s="128"/>
      <c r="N94" s="140"/>
    </row>
    <row r="95" spans="1:14" x14ac:dyDescent="0.3">
      <c r="A95" s="156" t="s">
        <v>424</v>
      </c>
      <c r="B95" s="108" t="s">
        <v>388</v>
      </c>
      <c r="C95" s="169">
        <v>66811.539999999994</v>
      </c>
      <c r="D95" s="169">
        <v>66811.539999999994</v>
      </c>
      <c r="E95" s="108"/>
      <c r="F95" s="174">
        <f t="shared" si="3"/>
        <v>0.20310620385622941</v>
      </c>
      <c r="G95" s="174">
        <f t="shared" si="4"/>
        <v>0.20310620385622941</v>
      </c>
      <c r="H95" s="128"/>
      <c r="L95" s="128"/>
      <c r="M95" s="128"/>
      <c r="N95" s="140"/>
    </row>
    <row r="96" spans="1:14" x14ac:dyDescent="0.3">
      <c r="A96" s="156" t="s">
        <v>425</v>
      </c>
      <c r="B96" s="108" t="s">
        <v>390</v>
      </c>
      <c r="C96" s="169">
        <v>55152</v>
      </c>
      <c r="D96" s="169">
        <v>55152</v>
      </c>
      <c r="E96" s="108"/>
      <c r="F96" s="174">
        <f t="shared" si="3"/>
        <v>0.16766135543468635</v>
      </c>
      <c r="G96" s="174">
        <f t="shared" si="4"/>
        <v>0.16766135543468635</v>
      </c>
      <c r="H96" s="128"/>
      <c r="L96" s="128"/>
      <c r="M96" s="128"/>
      <c r="N96" s="140"/>
    </row>
    <row r="97" spans="1:14" x14ac:dyDescent="0.3">
      <c r="A97" s="156" t="s">
        <v>426</v>
      </c>
      <c r="B97" s="108" t="s">
        <v>392</v>
      </c>
      <c r="C97" s="169">
        <v>56095.17</v>
      </c>
      <c r="D97" s="169">
        <v>56095.17</v>
      </c>
      <c r="E97" s="108"/>
      <c r="F97" s="174">
        <f t="shared" si="3"/>
        <v>0.17052857984368935</v>
      </c>
      <c r="G97" s="174">
        <f t="shared" si="4"/>
        <v>0.17052857984368935</v>
      </c>
      <c r="H97" s="128"/>
      <c r="L97" s="128"/>
      <c r="M97" s="128"/>
    </row>
    <row r="98" spans="1:14" x14ac:dyDescent="0.3">
      <c r="A98" s="156" t="s">
        <v>427</v>
      </c>
      <c r="B98" s="108" t="s">
        <v>394</v>
      </c>
      <c r="C98" s="169">
        <v>30451.45</v>
      </c>
      <c r="D98" s="169">
        <v>30451.45</v>
      </c>
      <c r="E98" s="108"/>
      <c r="F98" s="174">
        <f t="shared" si="3"/>
        <v>9.2572007940810497E-2</v>
      </c>
      <c r="G98" s="174">
        <f t="shared" si="4"/>
        <v>9.2572007940810497E-2</v>
      </c>
      <c r="H98" s="128"/>
      <c r="L98" s="128"/>
      <c r="M98" s="128"/>
    </row>
    <row r="99" spans="1:14" x14ac:dyDescent="0.3">
      <c r="A99" s="156" t="s">
        <v>428</v>
      </c>
      <c r="B99" s="108" t="s">
        <v>396</v>
      </c>
      <c r="C99" s="169">
        <v>2994</v>
      </c>
      <c r="D99" s="169">
        <v>2994</v>
      </c>
      <c r="E99" s="108"/>
      <c r="F99" s="174">
        <f t="shared" si="3"/>
        <v>9.1017206660039696E-3</v>
      </c>
      <c r="G99" s="174">
        <f t="shared" si="4"/>
        <v>9.1017206660039696E-3</v>
      </c>
      <c r="H99" s="128"/>
      <c r="L99" s="128"/>
      <c r="M99" s="128"/>
    </row>
    <row r="100" spans="1:14" x14ac:dyDescent="0.3">
      <c r="A100" s="156" t="s">
        <v>429</v>
      </c>
      <c r="B100" s="45" t="s">
        <v>366</v>
      </c>
      <c r="C100" s="169">
        <f>SUM(C93:C99)</f>
        <v>328948.78999999998</v>
      </c>
      <c r="D100" s="169">
        <f>SUM(D93:D99)</f>
        <v>328948.78999999998</v>
      </c>
      <c r="E100" s="151"/>
      <c r="F100" s="171">
        <f>SUM(F93:F99)</f>
        <v>1.0000000000000002</v>
      </c>
      <c r="G100" s="175">
        <f>SUM(G93:G99)</f>
        <v>1.0000000000000002</v>
      </c>
      <c r="H100" s="128"/>
      <c r="L100" s="128"/>
      <c r="M100" s="128"/>
    </row>
    <row r="101" spans="1:14" hidden="1" outlineLevel="1" x14ac:dyDescent="0.3">
      <c r="A101" s="156" t="s">
        <v>430</v>
      </c>
      <c r="B101" s="46" t="s">
        <v>399</v>
      </c>
      <c r="C101" s="177"/>
      <c r="D101" s="177"/>
      <c r="E101" s="151"/>
      <c r="F101" s="174">
        <f>IF($C$100=0,"",IF(C101="[for completion]","",C101/$C$100))</f>
        <v>0</v>
      </c>
      <c r="G101" s="174">
        <f>IF($D$100=0,"",IF(D101="[for completion]","",D101/$D$100))</f>
        <v>0</v>
      </c>
      <c r="H101" s="128"/>
      <c r="L101" s="128"/>
      <c r="M101" s="128"/>
    </row>
    <row r="102" spans="1:14" hidden="1" outlineLevel="1" x14ac:dyDescent="0.3">
      <c r="A102" s="156" t="s">
        <v>431</v>
      </c>
      <c r="B102" s="46" t="s">
        <v>401</v>
      </c>
      <c r="C102" s="177"/>
      <c r="D102" s="177"/>
      <c r="E102" s="151"/>
      <c r="F102" s="174">
        <f>IF($C$100=0,"",IF(C102="[for completion]","",C102/$C$100))</f>
        <v>0</v>
      </c>
      <c r="G102" s="174">
        <f>IF($D$100=0,"",IF(D102="[for completion]","",D102/$D$100))</f>
        <v>0</v>
      </c>
      <c r="H102" s="128"/>
      <c r="L102" s="128"/>
      <c r="M102" s="128"/>
    </row>
    <row r="103" spans="1:14" hidden="1" outlineLevel="1" x14ac:dyDescent="0.3">
      <c r="A103" s="156" t="s">
        <v>432</v>
      </c>
      <c r="B103" s="46" t="s">
        <v>403</v>
      </c>
      <c r="C103" s="177"/>
      <c r="D103" s="177"/>
      <c r="E103" s="151"/>
      <c r="F103" s="174">
        <f>IF($C$100=0,"",IF(C103="[for completion]","",C103/$C$100))</f>
        <v>0</v>
      </c>
      <c r="G103" s="174">
        <f>IF($D$100=0,"",IF(D103="[for completion]","",D103/$D$100))</f>
        <v>0</v>
      </c>
      <c r="H103" s="128"/>
      <c r="L103" s="128"/>
      <c r="M103" s="128"/>
    </row>
    <row r="104" spans="1:14" hidden="1" outlineLevel="1" x14ac:dyDescent="0.3">
      <c r="A104" s="156" t="s">
        <v>433</v>
      </c>
      <c r="B104" s="46" t="s">
        <v>405</v>
      </c>
      <c r="C104" s="177"/>
      <c r="D104" s="177"/>
      <c r="E104" s="151"/>
      <c r="F104" s="174">
        <f>IF($C$100=0,"",IF(C104="[for completion]","",C104/$C$100))</f>
        <v>0</v>
      </c>
      <c r="G104" s="174">
        <f>IF($D$100=0,"",IF(D104="[for completion]","",D104/$D$100))</f>
        <v>0</v>
      </c>
      <c r="H104" s="128"/>
      <c r="L104" s="128"/>
      <c r="M104" s="128"/>
    </row>
    <row r="105" spans="1:14" hidden="1" outlineLevel="1" x14ac:dyDescent="0.3">
      <c r="A105" s="156" t="s">
        <v>434</v>
      </c>
      <c r="B105" s="46" t="s">
        <v>407</v>
      </c>
      <c r="C105" s="177"/>
      <c r="D105" s="177"/>
      <c r="E105" s="151"/>
      <c r="F105" s="174">
        <f>IF($C$100=0,"",IF(C105="[for completion]","",C105/$C$100))</f>
        <v>0</v>
      </c>
      <c r="G105" s="174">
        <f>IF($D$100=0,"",IF(D105="[for completion]","",D105/$D$100))</f>
        <v>0</v>
      </c>
      <c r="H105" s="128"/>
      <c r="L105" s="128"/>
      <c r="M105" s="128"/>
    </row>
    <row r="106" spans="1:14" hidden="1" outlineLevel="1" x14ac:dyDescent="0.3">
      <c r="A106" s="156" t="s">
        <v>435</v>
      </c>
      <c r="B106" s="46"/>
      <c r="C106" s="116"/>
      <c r="D106" s="116"/>
      <c r="E106" s="151"/>
      <c r="F106" s="117"/>
      <c r="G106" s="117"/>
      <c r="H106" s="128"/>
      <c r="L106" s="128"/>
      <c r="M106" s="128"/>
    </row>
    <row r="107" spans="1:14" hidden="1" outlineLevel="1" x14ac:dyDescent="0.3">
      <c r="A107" s="156" t="s">
        <v>436</v>
      </c>
      <c r="B107" s="46"/>
      <c r="C107" s="116"/>
      <c r="D107" s="116"/>
      <c r="E107" s="151"/>
      <c r="F107" s="117"/>
      <c r="G107" s="117"/>
      <c r="H107" s="128"/>
      <c r="L107" s="128"/>
      <c r="M107" s="128"/>
    </row>
    <row r="108" spans="1:14" hidden="1" outlineLevel="1" x14ac:dyDescent="0.3">
      <c r="A108" s="156" t="s">
        <v>437</v>
      </c>
      <c r="B108" s="45"/>
      <c r="C108" s="116"/>
      <c r="D108" s="116"/>
      <c r="E108" s="151"/>
      <c r="F108" s="117"/>
      <c r="G108" s="117"/>
      <c r="H108" s="128"/>
      <c r="L108" s="128"/>
      <c r="M108" s="128"/>
    </row>
    <row r="109" spans="1:14" hidden="1" outlineLevel="1" x14ac:dyDescent="0.3">
      <c r="A109" s="156" t="s">
        <v>438</v>
      </c>
      <c r="B109" s="46"/>
      <c r="C109" s="116"/>
      <c r="D109" s="116"/>
      <c r="E109" s="151"/>
      <c r="F109" s="117"/>
      <c r="G109" s="117"/>
      <c r="H109" s="128"/>
      <c r="L109" s="128"/>
      <c r="M109" s="128"/>
    </row>
    <row r="110" spans="1:14" hidden="1" outlineLevel="1" x14ac:dyDescent="0.3">
      <c r="A110" s="156" t="s">
        <v>439</v>
      </c>
      <c r="B110" s="46"/>
      <c r="C110" s="116"/>
      <c r="D110" s="116"/>
      <c r="E110" s="151"/>
      <c r="F110" s="117"/>
      <c r="G110" s="117"/>
      <c r="H110" s="128"/>
      <c r="L110" s="128"/>
      <c r="M110" s="128"/>
    </row>
    <row r="111" spans="1:14" ht="15" customHeight="1" collapsed="1" x14ac:dyDescent="0.3">
      <c r="A111" s="103"/>
      <c r="B111" s="149" t="s">
        <v>440</v>
      </c>
      <c r="C111" s="80" t="s">
        <v>441</v>
      </c>
      <c r="D111" s="80" t="s">
        <v>442</v>
      </c>
      <c r="E111" s="81"/>
      <c r="F111" s="80" t="s">
        <v>443</v>
      </c>
      <c r="G111" s="80" t="s">
        <v>444</v>
      </c>
      <c r="H111" s="128"/>
      <c r="L111" s="128"/>
      <c r="M111" s="128"/>
    </row>
    <row r="112" spans="1:14" s="47" customFormat="1" x14ac:dyDescent="0.3">
      <c r="A112" s="156" t="s">
        <v>445</v>
      </c>
      <c r="B112" s="151" t="s">
        <v>446</v>
      </c>
      <c r="C112" s="169">
        <v>0</v>
      </c>
      <c r="D112" s="169">
        <v>0</v>
      </c>
      <c r="E112" s="117"/>
      <c r="F112" s="174">
        <f t="shared" ref="F112:F129" si="5">IF($C$130=0,"",IF(C112="[for completion]","",IF(C112="","",C112/$C$130)))</f>
        <v>0</v>
      </c>
      <c r="G112" s="174">
        <f t="shared" ref="G112:G129" si="6">IF($D$130=0,"",IF(D112="[for completion]","",IF(D112="","",D112/$D$130)))</f>
        <v>0</v>
      </c>
      <c r="I112" s="156"/>
      <c r="J112" s="156"/>
      <c r="K112" s="156"/>
      <c r="L112" s="128" t="s">
        <v>447</v>
      </c>
      <c r="M112" s="128"/>
      <c r="N112" s="128"/>
    </row>
    <row r="113" spans="1:14" s="47" customFormat="1" x14ac:dyDescent="0.3">
      <c r="A113" s="156" t="s">
        <v>448</v>
      </c>
      <c r="B113" s="151" t="s">
        <v>449</v>
      </c>
      <c r="C113" s="169">
        <v>0</v>
      </c>
      <c r="D113" s="169">
        <v>0</v>
      </c>
      <c r="E113" s="117"/>
      <c r="F113" s="174">
        <f t="shared" si="5"/>
        <v>0</v>
      </c>
      <c r="G113" s="174">
        <f t="shared" si="6"/>
        <v>0</v>
      </c>
      <c r="I113" s="156"/>
      <c r="J113" s="156"/>
      <c r="K113" s="156"/>
      <c r="L113" s="151" t="s">
        <v>449</v>
      </c>
      <c r="M113" s="128"/>
      <c r="N113" s="128"/>
    </row>
    <row r="114" spans="1:14" s="47" customFormat="1" x14ac:dyDescent="0.3">
      <c r="A114" s="156" t="s">
        <v>450</v>
      </c>
      <c r="B114" s="151" t="s">
        <v>451</v>
      </c>
      <c r="C114" s="169">
        <v>0</v>
      </c>
      <c r="D114" s="169">
        <v>0</v>
      </c>
      <c r="E114" s="117"/>
      <c r="F114" s="174">
        <f t="shared" si="5"/>
        <v>0</v>
      </c>
      <c r="G114" s="174">
        <f t="shared" si="6"/>
        <v>0</v>
      </c>
      <c r="I114" s="156"/>
      <c r="J114" s="156"/>
      <c r="K114" s="156"/>
      <c r="L114" s="151" t="s">
        <v>451</v>
      </c>
      <c r="M114" s="128"/>
      <c r="N114" s="128"/>
    </row>
    <row r="115" spans="1:14" s="47" customFormat="1" x14ac:dyDescent="0.3">
      <c r="A115" s="156" t="s">
        <v>452</v>
      </c>
      <c r="B115" s="151" t="s">
        <v>453</v>
      </c>
      <c r="C115" s="169">
        <v>0</v>
      </c>
      <c r="D115" s="169">
        <v>0</v>
      </c>
      <c r="E115" s="117"/>
      <c r="F115" s="174">
        <f t="shared" si="5"/>
        <v>0</v>
      </c>
      <c r="G115" s="174">
        <f t="shared" si="6"/>
        <v>0</v>
      </c>
      <c r="I115" s="156"/>
      <c r="J115" s="156"/>
      <c r="K115" s="156"/>
      <c r="L115" s="151" t="s">
        <v>453</v>
      </c>
      <c r="M115" s="128"/>
      <c r="N115" s="128"/>
    </row>
    <row r="116" spans="1:14" s="47" customFormat="1" x14ac:dyDescent="0.3">
      <c r="A116" s="156" t="s">
        <v>454</v>
      </c>
      <c r="B116" s="151" t="s">
        <v>455</v>
      </c>
      <c r="C116" s="169">
        <v>0</v>
      </c>
      <c r="D116" s="169">
        <v>0</v>
      </c>
      <c r="E116" s="117"/>
      <c r="F116" s="174">
        <f t="shared" si="5"/>
        <v>0</v>
      </c>
      <c r="G116" s="174">
        <f t="shared" si="6"/>
        <v>0</v>
      </c>
      <c r="I116" s="156"/>
      <c r="J116" s="156"/>
      <c r="K116" s="156"/>
      <c r="L116" s="151" t="s">
        <v>455</v>
      </c>
      <c r="M116" s="128"/>
      <c r="N116" s="128"/>
    </row>
    <row r="117" spans="1:14" s="47" customFormat="1" x14ac:dyDescent="0.3">
      <c r="A117" s="156" t="s">
        <v>456</v>
      </c>
      <c r="B117" s="151" t="s">
        <v>457</v>
      </c>
      <c r="C117" s="169">
        <v>0</v>
      </c>
      <c r="D117" s="169">
        <v>0</v>
      </c>
      <c r="E117" s="151"/>
      <c r="F117" s="174">
        <f t="shared" si="5"/>
        <v>0</v>
      </c>
      <c r="G117" s="174">
        <f t="shared" si="6"/>
        <v>0</v>
      </c>
      <c r="I117" s="156"/>
      <c r="J117" s="156"/>
      <c r="K117" s="156"/>
      <c r="L117" s="151" t="s">
        <v>457</v>
      </c>
      <c r="M117" s="128"/>
      <c r="N117" s="128"/>
    </row>
    <row r="118" spans="1:14" x14ac:dyDescent="0.3">
      <c r="A118" s="156" t="s">
        <v>458</v>
      </c>
      <c r="B118" s="151" t="s">
        <v>459</v>
      </c>
      <c r="C118" s="169">
        <v>0</v>
      </c>
      <c r="D118" s="169">
        <v>0</v>
      </c>
      <c r="E118" s="151"/>
      <c r="F118" s="174">
        <f t="shared" si="5"/>
        <v>0</v>
      </c>
      <c r="G118" s="174">
        <f t="shared" si="6"/>
        <v>0</v>
      </c>
      <c r="L118" s="151" t="s">
        <v>459</v>
      </c>
      <c r="M118" s="128"/>
    </row>
    <row r="119" spans="1:14" x14ac:dyDescent="0.3">
      <c r="A119" s="156" t="s">
        <v>460</v>
      </c>
      <c r="B119" s="151" t="s">
        <v>461</v>
      </c>
      <c r="C119" s="169">
        <v>0</v>
      </c>
      <c r="D119" s="169">
        <v>0</v>
      </c>
      <c r="E119" s="151"/>
      <c r="F119" s="174">
        <f t="shared" si="5"/>
        <v>0</v>
      </c>
      <c r="G119" s="174">
        <f t="shared" si="6"/>
        <v>0</v>
      </c>
      <c r="L119" s="151" t="s">
        <v>461</v>
      </c>
      <c r="M119" s="128"/>
    </row>
    <row r="120" spans="1:14" x14ac:dyDescent="0.3">
      <c r="A120" s="156" t="s">
        <v>462</v>
      </c>
      <c r="B120" s="151" t="s">
        <v>463</v>
      </c>
      <c r="C120" s="169">
        <v>0</v>
      </c>
      <c r="D120" s="169">
        <v>0</v>
      </c>
      <c r="E120" s="151"/>
      <c r="F120" s="174">
        <f t="shared" si="5"/>
        <v>0</v>
      </c>
      <c r="G120" s="174">
        <f t="shared" si="6"/>
        <v>0</v>
      </c>
      <c r="L120" s="151" t="s">
        <v>463</v>
      </c>
      <c r="M120" s="128"/>
    </row>
    <row r="121" spans="1:14" x14ac:dyDescent="0.3">
      <c r="A121" s="156" t="s">
        <v>464</v>
      </c>
      <c r="B121" s="156" t="s">
        <v>465</v>
      </c>
      <c r="C121" s="169">
        <v>0</v>
      </c>
      <c r="D121" s="169">
        <v>0</v>
      </c>
      <c r="F121" s="174">
        <f t="shared" si="5"/>
        <v>0</v>
      </c>
      <c r="G121" s="174">
        <f t="shared" si="6"/>
        <v>0</v>
      </c>
      <c r="L121" s="151"/>
      <c r="M121" s="128"/>
    </row>
    <row r="122" spans="1:14" x14ac:dyDescent="0.3">
      <c r="A122" s="156" t="s">
        <v>466</v>
      </c>
      <c r="B122" s="151" t="s">
        <v>467</v>
      </c>
      <c r="C122" s="169">
        <v>0</v>
      </c>
      <c r="D122" s="169">
        <v>0</v>
      </c>
      <c r="E122" s="151"/>
      <c r="F122" s="174">
        <f t="shared" si="5"/>
        <v>0</v>
      </c>
      <c r="G122" s="174">
        <f t="shared" si="6"/>
        <v>0</v>
      </c>
      <c r="L122" s="151" t="s">
        <v>468</v>
      </c>
      <c r="M122" s="128"/>
    </row>
    <row r="123" spans="1:14" x14ac:dyDescent="0.3">
      <c r="A123" s="156" t="s">
        <v>469</v>
      </c>
      <c r="B123" s="151" t="s">
        <v>468</v>
      </c>
      <c r="C123" s="169">
        <v>0</v>
      </c>
      <c r="D123" s="169">
        <v>0</v>
      </c>
      <c r="E123" s="151"/>
      <c r="F123" s="174">
        <f t="shared" si="5"/>
        <v>0</v>
      </c>
      <c r="G123" s="174">
        <f t="shared" si="6"/>
        <v>0</v>
      </c>
      <c r="L123" s="151" t="s">
        <v>470</v>
      </c>
      <c r="M123" s="128"/>
    </row>
    <row r="124" spans="1:14" x14ac:dyDescent="0.3">
      <c r="A124" s="156" t="s">
        <v>471</v>
      </c>
      <c r="B124" s="151" t="s">
        <v>470</v>
      </c>
      <c r="C124" s="169">
        <v>0</v>
      </c>
      <c r="D124" s="169">
        <v>0</v>
      </c>
      <c r="E124" s="151"/>
      <c r="F124" s="174">
        <f t="shared" si="5"/>
        <v>0</v>
      </c>
      <c r="G124" s="174">
        <f t="shared" si="6"/>
        <v>0</v>
      </c>
      <c r="L124" s="108" t="s">
        <v>472</v>
      </c>
      <c r="M124" s="128"/>
    </row>
    <row r="125" spans="1:14" x14ac:dyDescent="0.3">
      <c r="A125" s="156" t="s">
        <v>473</v>
      </c>
      <c r="B125" s="108" t="s">
        <v>472</v>
      </c>
      <c r="C125" s="169">
        <v>0</v>
      </c>
      <c r="D125" s="169">
        <v>0</v>
      </c>
      <c r="E125" s="151"/>
      <c r="F125" s="174">
        <f t="shared" si="5"/>
        <v>0</v>
      </c>
      <c r="G125" s="174">
        <f t="shared" si="6"/>
        <v>0</v>
      </c>
      <c r="L125" s="151" t="s">
        <v>274</v>
      </c>
      <c r="M125" s="128"/>
    </row>
    <row r="126" spans="1:14" x14ac:dyDescent="0.3">
      <c r="A126" s="156" t="s">
        <v>474</v>
      </c>
      <c r="B126" s="151" t="s">
        <v>274</v>
      </c>
      <c r="C126" s="169">
        <v>706641.77</v>
      </c>
      <c r="D126" s="169">
        <v>706641.77</v>
      </c>
      <c r="E126" s="151"/>
      <c r="F126" s="174">
        <f t="shared" si="5"/>
        <v>1</v>
      </c>
      <c r="G126" s="174">
        <f t="shared" si="6"/>
        <v>1</v>
      </c>
      <c r="H126" s="140"/>
      <c r="L126" s="151" t="s">
        <v>475</v>
      </c>
      <c r="M126" s="128"/>
    </row>
    <row r="127" spans="1:14" x14ac:dyDescent="0.3">
      <c r="A127" s="156" t="s">
        <v>476</v>
      </c>
      <c r="B127" s="151" t="s">
        <v>475</v>
      </c>
      <c r="C127" s="169">
        <v>0</v>
      </c>
      <c r="D127" s="169">
        <v>0</v>
      </c>
      <c r="E127" s="151"/>
      <c r="F127" s="174">
        <f t="shared" si="5"/>
        <v>0</v>
      </c>
      <c r="G127" s="174">
        <f t="shared" si="6"/>
        <v>0</v>
      </c>
      <c r="H127" s="128"/>
      <c r="L127" s="151" t="s">
        <v>477</v>
      </c>
      <c r="M127" s="128"/>
    </row>
    <row r="128" spans="1:14" x14ac:dyDescent="0.3">
      <c r="A128" s="156" t="s">
        <v>478</v>
      </c>
      <c r="B128" s="151" t="s">
        <v>477</v>
      </c>
      <c r="C128" s="169">
        <v>0</v>
      </c>
      <c r="D128" s="169">
        <v>0</v>
      </c>
      <c r="E128" s="151"/>
      <c r="F128" s="174">
        <f t="shared" si="5"/>
        <v>0</v>
      </c>
      <c r="G128" s="174">
        <f t="shared" si="6"/>
        <v>0</v>
      </c>
      <c r="H128" s="128"/>
      <c r="L128" s="128"/>
      <c r="M128" s="128"/>
    </row>
    <row r="129" spans="1:14" x14ac:dyDescent="0.3">
      <c r="A129" s="156" t="s">
        <v>479</v>
      </c>
      <c r="B129" s="151" t="s">
        <v>364</v>
      </c>
      <c r="C129" s="169">
        <v>0</v>
      </c>
      <c r="D129" s="169">
        <v>0</v>
      </c>
      <c r="E129" s="151"/>
      <c r="F129" s="174">
        <f t="shared" si="5"/>
        <v>0</v>
      </c>
      <c r="G129" s="174">
        <f t="shared" si="6"/>
        <v>0</v>
      </c>
      <c r="H129" s="128"/>
      <c r="L129" s="128"/>
      <c r="M129" s="128"/>
    </row>
    <row r="130" spans="1:14" outlineLevel="1" x14ac:dyDescent="0.3">
      <c r="A130" s="156" t="s">
        <v>480</v>
      </c>
      <c r="B130" s="45" t="s">
        <v>366</v>
      </c>
      <c r="C130" s="169">
        <f>SUM(C112:C129)</f>
        <v>706641.77</v>
      </c>
      <c r="D130" s="169">
        <f>SUM(C112:C129)</f>
        <v>706641.77</v>
      </c>
      <c r="E130" s="151"/>
      <c r="F130" s="173">
        <f>SUM(F112:F129)</f>
        <v>1</v>
      </c>
      <c r="G130" s="173">
        <f>SUM(G112:G129)</f>
        <v>1</v>
      </c>
      <c r="H130" s="128"/>
      <c r="L130" s="128"/>
      <c r="M130" s="128"/>
    </row>
    <row r="131" spans="1:14" hidden="1" outlineLevel="1" x14ac:dyDescent="0.3">
      <c r="A131" s="156" t="s">
        <v>481</v>
      </c>
      <c r="B131" s="106" t="s">
        <v>368</v>
      </c>
      <c r="C131" s="170"/>
      <c r="D131" s="170"/>
      <c r="E131" s="151"/>
      <c r="F131" s="174">
        <f t="shared" ref="F131:F136" si="7">IF($C$130=0,"",IF(C131="[for completion]","",C131/$C$130))</f>
        <v>0</v>
      </c>
      <c r="G131" s="174">
        <f t="shared" ref="G131:G136" si="8">IF($D$130=0,"",IF(D131="[for completion]","",D131/$D$130))</f>
        <v>0</v>
      </c>
      <c r="H131" s="128"/>
      <c r="L131" s="128"/>
      <c r="M131" s="128"/>
    </row>
    <row r="132" spans="1:14" hidden="1" outlineLevel="1" x14ac:dyDescent="0.3">
      <c r="A132" s="156" t="s">
        <v>482</v>
      </c>
      <c r="B132" s="106" t="s">
        <v>368</v>
      </c>
      <c r="C132" s="170"/>
      <c r="D132" s="170"/>
      <c r="E132" s="151"/>
      <c r="F132" s="174">
        <f t="shared" si="7"/>
        <v>0</v>
      </c>
      <c r="G132" s="174">
        <f t="shared" si="8"/>
        <v>0</v>
      </c>
      <c r="H132" s="128"/>
      <c r="L132" s="128"/>
      <c r="M132" s="128"/>
    </row>
    <row r="133" spans="1:14" hidden="1" outlineLevel="1" x14ac:dyDescent="0.3">
      <c r="A133" s="156" t="s">
        <v>483</v>
      </c>
      <c r="B133" s="106" t="s">
        <v>368</v>
      </c>
      <c r="C133" s="170"/>
      <c r="D133" s="170"/>
      <c r="E133" s="151"/>
      <c r="F133" s="174">
        <f t="shared" si="7"/>
        <v>0</v>
      </c>
      <c r="G133" s="174">
        <f t="shared" si="8"/>
        <v>0</v>
      </c>
      <c r="H133" s="128"/>
      <c r="L133" s="128"/>
      <c r="M133" s="128"/>
    </row>
    <row r="134" spans="1:14" hidden="1" outlineLevel="1" x14ac:dyDescent="0.3">
      <c r="A134" s="156" t="s">
        <v>484</v>
      </c>
      <c r="B134" s="106" t="s">
        <v>368</v>
      </c>
      <c r="C134" s="170"/>
      <c r="D134" s="170"/>
      <c r="E134" s="151"/>
      <c r="F134" s="174">
        <f t="shared" si="7"/>
        <v>0</v>
      </c>
      <c r="G134" s="174">
        <f t="shared" si="8"/>
        <v>0</v>
      </c>
      <c r="H134" s="128"/>
      <c r="L134" s="128"/>
      <c r="M134" s="128"/>
    </row>
    <row r="135" spans="1:14" hidden="1" outlineLevel="1" x14ac:dyDescent="0.3">
      <c r="A135" s="156" t="s">
        <v>485</v>
      </c>
      <c r="B135" s="106" t="s">
        <v>368</v>
      </c>
      <c r="C135" s="170"/>
      <c r="D135" s="170"/>
      <c r="E135" s="151"/>
      <c r="F135" s="174">
        <f t="shared" si="7"/>
        <v>0</v>
      </c>
      <c r="G135" s="174">
        <f t="shared" si="8"/>
        <v>0</v>
      </c>
      <c r="H135" s="128"/>
      <c r="L135" s="128"/>
      <c r="M135" s="128"/>
    </row>
    <row r="136" spans="1:14" hidden="1" outlineLevel="1" x14ac:dyDescent="0.3">
      <c r="A136" s="156" t="s">
        <v>486</v>
      </c>
      <c r="B136" s="106" t="s">
        <v>368</v>
      </c>
      <c r="C136" s="170"/>
      <c r="D136" s="170"/>
      <c r="E136" s="151"/>
      <c r="F136" s="174">
        <f t="shared" si="7"/>
        <v>0</v>
      </c>
      <c r="G136" s="174">
        <f t="shared" si="8"/>
        <v>0</v>
      </c>
      <c r="H136" s="128"/>
      <c r="L136" s="128"/>
      <c r="M136" s="128"/>
    </row>
    <row r="137" spans="1:14" ht="15" customHeight="1" x14ac:dyDescent="0.3">
      <c r="A137" s="103"/>
      <c r="B137" s="79" t="s">
        <v>487</v>
      </c>
      <c r="C137" s="80" t="s">
        <v>441</v>
      </c>
      <c r="D137" s="80" t="s">
        <v>442</v>
      </c>
      <c r="E137" s="81"/>
      <c r="F137" s="80" t="s">
        <v>443</v>
      </c>
      <c r="G137" s="80" t="s">
        <v>444</v>
      </c>
      <c r="H137" s="128"/>
      <c r="L137" s="128"/>
      <c r="M137" s="128"/>
    </row>
    <row r="138" spans="1:14" s="47" customFormat="1" x14ac:dyDescent="0.3">
      <c r="A138" s="156" t="s">
        <v>488</v>
      </c>
      <c r="B138" s="151" t="s">
        <v>446</v>
      </c>
      <c r="C138" s="169">
        <v>67581.78</v>
      </c>
      <c r="D138" s="169">
        <v>67581.78</v>
      </c>
      <c r="E138" s="117"/>
      <c r="F138" s="174">
        <f t="shared" ref="F138:F155" si="9">IF($C$156=0,"",IF(C138="[for completion]","",IF(C138="","",C138/$C$156)))</f>
        <v>0.2054477295827028</v>
      </c>
      <c r="G138" s="174">
        <f t="shared" ref="G138:G155" si="10">IF($D$156=0,"",IF(D138="[for completion]","",IF(D138="","",D138/$D$156)))</f>
        <v>0.2054477295827028</v>
      </c>
      <c r="H138" s="128"/>
      <c r="I138" s="156"/>
      <c r="J138" s="156"/>
      <c r="K138" s="156"/>
      <c r="L138" s="128"/>
      <c r="M138" s="128"/>
      <c r="N138" s="128"/>
    </row>
    <row r="139" spans="1:14" s="47" customFormat="1" x14ac:dyDescent="0.3">
      <c r="A139" s="156" t="s">
        <v>489</v>
      </c>
      <c r="B139" s="151" t="s">
        <v>449</v>
      </c>
      <c r="C139" s="169">
        <v>0</v>
      </c>
      <c r="D139" s="169">
        <v>0</v>
      </c>
      <c r="E139" s="117"/>
      <c r="F139" s="174">
        <f t="shared" si="9"/>
        <v>0</v>
      </c>
      <c r="G139" s="174">
        <f t="shared" si="10"/>
        <v>0</v>
      </c>
      <c r="H139" s="128"/>
      <c r="I139" s="156"/>
      <c r="J139" s="156"/>
      <c r="K139" s="156"/>
      <c r="L139" s="128"/>
      <c r="M139" s="128"/>
      <c r="N139" s="128"/>
    </row>
    <row r="140" spans="1:14" s="47" customFormat="1" x14ac:dyDescent="0.3">
      <c r="A140" s="156" t="s">
        <v>490</v>
      </c>
      <c r="B140" s="151" t="s">
        <v>451</v>
      </c>
      <c r="C140" s="169">
        <v>0</v>
      </c>
      <c r="D140" s="169">
        <v>0</v>
      </c>
      <c r="E140" s="117"/>
      <c r="F140" s="174">
        <f t="shared" si="9"/>
        <v>0</v>
      </c>
      <c r="G140" s="174">
        <f t="shared" si="10"/>
        <v>0</v>
      </c>
      <c r="H140" s="128"/>
      <c r="I140" s="156"/>
      <c r="J140" s="156"/>
      <c r="K140" s="156"/>
      <c r="L140" s="128"/>
      <c r="M140" s="128"/>
      <c r="N140" s="128"/>
    </row>
    <row r="141" spans="1:14" s="47" customFormat="1" x14ac:dyDescent="0.3">
      <c r="A141" s="156" t="s">
        <v>491</v>
      </c>
      <c r="B141" s="151" t="s">
        <v>453</v>
      </c>
      <c r="C141" s="169">
        <v>0</v>
      </c>
      <c r="D141" s="169">
        <v>0</v>
      </c>
      <c r="E141" s="117"/>
      <c r="F141" s="174">
        <f t="shared" si="9"/>
        <v>0</v>
      </c>
      <c r="G141" s="174">
        <f t="shared" si="10"/>
        <v>0</v>
      </c>
      <c r="H141" s="128"/>
      <c r="I141" s="156"/>
      <c r="J141" s="156"/>
      <c r="K141" s="156"/>
      <c r="L141" s="128"/>
      <c r="M141" s="128"/>
      <c r="N141" s="128"/>
    </row>
    <row r="142" spans="1:14" s="47" customFormat="1" x14ac:dyDescent="0.3">
      <c r="A142" s="156" t="s">
        <v>492</v>
      </c>
      <c r="B142" s="151" t="s">
        <v>455</v>
      </c>
      <c r="C142" s="169">
        <v>0</v>
      </c>
      <c r="D142" s="169">
        <v>0</v>
      </c>
      <c r="E142" s="117"/>
      <c r="F142" s="174">
        <f t="shared" si="9"/>
        <v>0</v>
      </c>
      <c r="G142" s="174">
        <f t="shared" si="10"/>
        <v>0</v>
      </c>
      <c r="H142" s="128"/>
      <c r="I142" s="156"/>
      <c r="J142" s="156"/>
      <c r="K142" s="156"/>
      <c r="L142" s="128"/>
      <c r="M142" s="128"/>
      <c r="N142" s="128"/>
    </row>
    <row r="143" spans="1:14" s="47" customFormat="1" x14ac:dyDescent="0.3">
      <c r="A143" s="156" t="s">
        <v>493</v>
      </c>
      <c r="B143" s="151" t="s">
        <v>457</v>
      </c>
      <c r="C143" s="169">
        <v>0</v>
      </c>
      <c r="D143" s="169">
        <v>0</v>
      </c>
      <c r="E143" s="151"/>
      <c r="F143" s="174">
        <f t="shared" si="9"/>
        <v>0</v>
      </c>
      <c r="G143" s="174">
        <f t="shared" si="10"/>
        <v>0</v>
      </c>
      <c r="H143" s="128"/>
      <c r="I143" s="156"/>
      <c r="J143" s="156"/>
      <c r="K143" s="156"/>
      <c r="L143" s="128"/>
      <c r="M143" s="128"/>
      <c r="N143" s="128"/>
    </row>
    <row r="144" spans="1:14" x14ac:dyDescent="0.3">
      <c r="A144" s="156" t="s">
        <v>494</v>
      </c>
      <c r="B144" s="151" t="s">
        <v>459</v>
      </c>
      <c r="C144" s="169">
        <v>0</v>
      </c>
      <c r="D144" s="169">
        <v>0</v>
      </c>
      <c r="E144" s="151"/>
      <c r="F144" s="174">
        <f t="shared" si="9"/>
        <v>0</v>
      </c>
      <c r="G144" s="174">
        <f t="shared" si="10"/>
        <v>0</v>
      </c>
      <c r="H144" s="128"/>
      <c r="L144" s="128"/>
      <c r="M144" s="128"/>
    </row>
    <row r="145" spans="1:14" x14ac:dyDescent="0.3">
      <c r="A145" s="156" t="s">
        <v>495</v>
      </c>
      <c r="B145" s="151" t="s">
        <v>461</v>
      </c>
      <c r="C145" s="169">
        <v>0</v>
      </c>
      <c r="D145" s="169">
        <v>0</v>
      </c>
      <c r="E145" s="151"/>
      <c r="F145" s="174">
        <f t="shared" si="9"/>
        <v>0</v>
      </c>
      <c r="G145" s="174">
        <f t="shared" si="10"/>
        <v>0</v>
      </c>
      <c r="H145" s="128"/>
      <c r="L145" s="128"/>
      <c r="M145" s="128"/>
      <c r="N145" s="140"/>
    </row>
    <row r="146" spans="1:14" x14ac:dyDescent="0.3">
      <c r="A146" s="156" t="s">
        <v>496</v>
      </c>
      <c r="B146" s="151" t="s">
        <v>463</v>
      </c>
      <c r="C146" s="169">
        <v>0</v>
      </c>
      <c r="D146" s="169">
        <v>0</v>
      </c>
      <c r="E146" s="151"/>
      <c r="F146" s="174">
        <f t="shared" si="9"/>
        <v>0</v>
      </c>
      <c r="G146" s="174">
        <f t="shared" si="10"/>
        <v>0</v>
      </c>
      <c r="H146" s="128"/>
      <c r="L146" s="128"/>
      <c r="M146" s="128"/>
      <c r="N146" s="140"/>
    </row>
    <row r="147" spans="1:14" x14ac:dyDescent="0.3">
      <c r="A147" s="156" t="s">
        <v>497</v>
      </c>
      <c r="B147" s="156" t="s">
        <v>465</v>
      </c>
      <c r="C147" s="169">
        <v>0</v>
      </c>
      <c r="D147" s="169">
        <v>0</v>
      </c>
      <c r="F147" s="174">
        <f t="shared" si="9"/>
        <v>0</v>
      </c>
      <c r="G147" s="174">
        <f t="shared" si="10"/>
        <v>0</v>
      </c>
      <c r="H147" s="128"/>
      <c r="L147" s="128"/>
      <c r="M147" s="128"/>
      <c r="N147" s="140"/>
    </row>
    <row r="148" spans="1:14" x14ac:dyDescent="0.3">
      <c r="A148" s="156" t="s">
        <v>498</v>
      </c>
      <c r="B148" s="151" t="s">
        <v>467</v>
      </c>
      <c r="C148" s="169">
        <v>0</v>
      </c>
      <c r="D148" s="169">
        <v>0</v>
      </c>
      <c r="E148" s="151"/>
      <c r="F148" s="174">
        <f t="shared" si="9"/>
        <v>0</v>
      </c>
      <c r="G148" s="174">
        <f t="shared" si="10"/>
        <v>0</v>
      </c>
      <c r="H148" s="128"/>
      <c r="L148" s="128"/>
      <c r="M148" s="128"/>
      <c r="N148" s="140"/>
    </row>
    <row r="149" spans="1:14" x14ac:dyDescent="0.3">
      <c r="A149" s="156" t="s">
        <v>499</v>
      </c>
      <c r="B149" s="151" t="s">
        <v>468</v>
      </c>
      <c r="C149" s="169">
        <v>0</v>
      </c>
      <c r="D149" s="169">
        <v>0</v>
      </c>
      <c r="E149" s="151"/>
      <c r="F149" s="174">
        <f t="shared" si="9"/>
        <v>0</v>
      </c>
      <c r="G149" s="174">
        <f t="shared" si="10"/>
        <v>0</v>
      </c>
      <c r="H149" s="128"/>
      <c r="L149" s="128"/>
      <c r="M149" s="128"/>
      <c r="N149" s="140"/>
    </row>
    <row r="150" spans="1:14" x14ac:dyDescent="0.3">
      <c r="A150" s="156" t="s">
        <v>500</v>
      </c>
      <c r="B150" s="151" t="s">
        <v>470</v>
      </c>
      <c r="C150" s="169">
        <v>0</v>
      </c>
      <c r="D150" s="169">
        <v>0</v>
      </c>
      <c r="E150" s="151"/>
      <c r="F150" s="174">
        <f t="shared" si="9"/>
        <v>0</v>
      </c>
      <c r="G150" s="174">
        <f t="shared" si="10"/>
        <v>0</v>
      </c>
      <c r="H150" s="128"/>
      <c r="L150" s="128"/>
      <c r="M150" s="128"/>
      <c r="N150" s="140"/>
    </row>
    <row r="151" spans="1:14" x14ac:dyDescent="0.3">
      <c r="A151" s="156" t="s">
        <v>501</v>
      </c>
      <c r="B151" s="108" t="s">
        <v>472</v>
      </c>
      <c r="C151" s="169">
        <v>0</v>
      </c>
      <c r="D151" s="169">
        <v>0</v>
      </c>
      <c r="E151" s="151"/>
      <c r="F151" s="174">
        <f t="shared" si="9"/>
        <v>0</v>
      </c>
      <c r="G151" s="174">
        <f t="shared" si="10"/>
        <v>0</v>
      </c>
      <c r="H151" s="128"/>
      <c r="L151" s="128"/>
      <c r="M151" s="128"/>
      <c r="N151" s="140"/>
    </row>
    <row r="152" spans="1:14" x14ac:dyDescent="0.3">
      <c r="A152" s="156" t="s">
        <v>502</v>
      </c>
      <c r="B152" s="151" t="s">
        <v>274</v>
      </c>
      <c r="C152" s="169">
        <v>261367</v>
      </c>
      <c r="D152" s="169">
        <v>261367</v>
      </c>
      <c r="E152" s="151"/>
      <c r="F152" s="174">
        <f t="shared" si="9"/>
        <v>0.79455227041729715</v>
      </c>
      <c r="G152" s="174">
        <f t="shared" si="10"/>
        <v>0.79455227041729715</v>
      </c>
      <c r="H152" s="128"/>
      <c r="L152" s="128"/>
      <c r="M152" s="128"/>
      <c r="N152" s="140"/>
    </row>
    <row r="153" spans="1:14" x14ac:dyDescent="0.3">
      <c r="A153" s="156" t="s">
        <v>503</v>
      </c>
      <c r="B153" s="151" t="s">
        <v>475</v>
      </c>
      <c r="C153" s="169">
        <v>0</v>
      </c>
      <c r="D153" s="169">
        <v>0</v>
      </c>
      <c r="E153" s="151"/>
      <c r="F153" s="174">
        <f t="shared" si="9"/>
        <v>0</v>
      </c>
      <c r="G153" s="174">
        <f t="shared" si="10"/>
        <v>0</v>
      </c>
      <c r="H153" s="128"/>
      <c r="L153" s="128"/>
      <c r="M153" s="128"/>
      <c r="N153" s="140"/>
    </row>
    <row r="154" spans="1:14" x14ac:dyDescent="0.3">
      <c r="A154" s="156" t="s">
        <v>504</v>
      </c>
      <c r="B154" s="151" t="s">
        <v>477</v>
      </c>
      <c r="C154" s="169">
        <v>0</v>
      </c>
      <c r="D154" s="169">
        <v>0</v>
      </c>
      <c r="E154" s="151"/>
      <c r="F154" s="174">
        <f t="shared" si="9"/>
        <v>0</v>
      </c>
      <c r="G154" s="174">
        <f t="shared" si="10"/>
        <v>0</v>
      </c>
      <c r="H154" s="128"/>
      <c r="L154" s="128"/>
      <c r="M154" s="128"/>
      <c r="N154" s="140"/>
    </row>
    <row r="155" spans="1:14" x14ac:dyDescent="0.3">
      <c r="A155" s="156" t="s">
        <v>505</v>
      </c>
      <c r="B155" s="151" t="s">
        <v>364</v>
      </c>
      <c r="C155" s="169">
        <v>0</v>
      </c>
      <c r="D155" s="169">
        <v>0</v>
      </c>
      <c r="E155" s="151"/>
      <c r="F155" s="174">
        <f t="shared" si="9"/>
        <v>0</v>
      </c>
      <c r="G155" s="174">
        <f t="shared" si="10"/>
        <v>0</v>
      </c>
      <c r="H155" s="128"/>
      <c r="L155" s="128"/>
      <c r="M155" s="128"/>
      <c r="N155" s="140"/>
    </row>
    <row r="156" spans="1:14" outlineLevel="1" x14ac:dyDescent="0.3">
      <c r="A156" s="156" t="s">
        <v>506</v>
      </c>
      <c r="B156" s="45" t="s">
        <v>366</v>
      </c>
      <c r="C156" s="169">
        <f>SUM(C138:C155)</f>
        <v>328948.78000000003</v>
      </c>
      <c r="D156" s="169">
        <f>SUM(C138:C155)</f>
        <v>328948.78000000003</v>
      </c>
      <c r="E156" s="151"/>
      <c r="F156" s="173">
        <f>SUM(F138:F155)</f>
        <v>1</v>
      </c>
      <c r="G156" s="173">
        <f>SUM(G138:G155)</f>
        <v>1</v>
      </c>
      <c r="H156" s="128"/>
      <c r="L156" s="128"/>
      <c r="M156" s="128"/>
      <c r="N156" s="140"/>
    </row>
    <row r="157" spans="1:14" hidden="1" outlineLevel="1" x14ac:dyDescent="0.3">
      <c r="A157" s="156" t="s">
        <v>507</v>
      </c>
      <c r="B157" s="106" t="s">
        <v>368</v>
      </c>
      <c r="C157" s="170"/>
      <c r="D157" s="170"/>
      <c r="E157" s="151"/>
      <c r="F157" s="174" t="str">
        <f t="shared" ref="F157:F162" si="11">IF($C$156=0,"",IF(C157="[for completion]","",IF(C157="","",C157/$C$156)))</f>
        <v/>
      </c>
      <c r="G157" s="174" t="str">
        <f t="shared" ref="G157:G162" si="12">IF($D$156=0,"",IF(D157="[for completion]","",IF(D157="","",D157/$D$156)))</f>
        <v/>
      </c>
      <c r="H157" s="128"/>
      <c r="L157" s="128"/>
      <c r="M157" s="128"/>
      <c r="N157" s="140"/>
    </row>
    <row r="158" spans="1:14" hidden="1" outlineLevel="1" x14ac:dyDescent="0.3">
      <c r="A158" s="156" t="s">
        <v>508</v>
      </c>
      <c r="B158" s="106" t="s">
        <v>368</v>
      </c>
      <c r="C158" s="170"/>
      <c r="D158" s="170"/>
      <c r="E158" s="151"/>
      <c r="F158" s="174" t="str">
        <f t="shared" si="11"/>
        <v/>
      </c>
      <c r="G158" s="174" t="str">
        <f t="shared" si="12"/>
        <v/>
      </c>
      <c r="H158" s="128"/>
      <c r="L158" s="128"/>
      <c r="M158" s="128"/>
      <c r="N158" s="140"/>
    </row>
    <row r="159" spans="1:14" hidden="1" outlineLevel="1" x14ac:dyDescent="0.3">
      <c r="A159" s="156" t="s">
        <v>509</v>
      </c>
      <c r="B159" s="106" t="s">
        <v>368</v>
      </c>
      <c r="C159" s="170"/>
      <c r="D159" s="170"/>
      <c r="E159" s="151"/>
      <c r="F159" s="174" t="str">
        <f t="shared" si="11"/>
        <v/>
      </c>
      <c r="G159" s="174" t="str">
        <f t="shared" si="12"/>
        <v/>
      </c>
      <c r="H159" s="128"/>
      <c r="L159" s="128"/>
      <c r="M159" s="128"/>
      <c r="N159" s="140"/>
    </row>
    <row r="160" spans="1:14" hidden="1" outlineLevel="1" x14ac:dyDescent="0.3">
      <c r="A160" s="156" t="s">
        <v>510</v>
      </c>
      <c r="B160" s="106" t="s">
        <v>368</v>
      </c>
      <c r="C160" s="170"/>
      <c r="D160" s="170"/>
      <c r="E160" s="151"/>
      <c r="F160" s="174" t="str">
        <f t="shared" si="11"/>
        <v/>
      </c>
      <c r="G160" s="174" t="str">
        <f t="shared" si="12"/>
        <v/>
      </c>
      <c r="H160" s="128"/>
      <c r="L160" s="128"/>
      <c r="M160" s="128"/>
      <c r="N160" s="140"/>
    </row>
    <row r="161" spans="1:14" hidden="1" outlineLevel="1" x14ac:dyDescent="0.3">
      <c r="A161" s="156" t="s">
        <v>511</v>
      </c>
      <c r="B161" s="106" t="s">
        <v>368</v>
      </c>
      <c r="C161" s="170"/>
      <c r="D161" s="170"/>
      <c r="E161" s="151"/>
      <c r="F161" s="174" t="str">
        <f t="shared" si="11"/>
        <v/>
      </c>
      <c r="G161" s="174" t="str">
        <f t="shared" si="12"/>
        <v/>
      </c>
      <c r="H161" s="128"/>
      <c r="L161" s="128"/>
      <c r="M161" s="128"/>
      <c r="N161" s="140"/>
    </row>
    <row r="162" spans="1:14" hidden="1" outlineLevel="1" x14ac:dyDescent="0.3">
      <c r="A162" s="156" t="s">
        <v>512</v>
      </c>
      <c r="B162" s="106" t="s">
        <v>368</v>
      </c>
      <c r="C162" s="170"/>
      <c r="D162" s="170"/>
      <c r="E162" s="151"/>
      <c r="F162" s="174" t="str">
        <f t="shared" si="11"/>
        <v/>
      </c>
      <c r="G162" s="174" t="str">
        <f t="shared" si="12"/>
        <v/>
      </c>
      <c r="H162" s="128"/>
      <c r="L162" s="128"/>
      <c r="M162" s="128"/>
      <c r="N162" s="140"/>
    </row>
    <row r="163" spans="1:14" ht="15" customHeight="1" x14ac:dyDescent="0.3">
      <c r="A163" s="103"/>
      <c r="B163" s="79" t="s">
        <v>513</v>
      </c>
      <c r="C163" s="118" t="s">
        <v>441</v>
      </c>
      <c r="D163" s="118" t="s">
        <v>442</v>
      </c>
      <c r="E163" s="81"/>
      <c r="F163" s="118" t="s">
        <v>443</v>
      </c>
      <c r="G163" s="118" t="s">
        <v>444</v>
      </c>
      <c r="H163" s="128"/>
      <c r="L163" s="128"/>
      <c r="M163" s="128"/>
      <c r="N163" s="140"/>
    </row>
    <row r="164" spans="1:14" x14ac:dyDescent="0.3">
      <c r="A164" s="156" t="s">
        <v>514</v>
      </c>
      <c r="B164" s="128" t="s">
        <v>515</v>
      </c>
      <c r="C164" s="169">
        <v>328948.78000000003</v>
      </c>
      <c r="D164" s="169">
        <v>0</v>
      </c>
      <c r="E164" s="48"/>
      <c r="F164" s="174">
        <f>IF($C$167=0,"",IF(C164="[for completion]","",IF(C164="","",C164/$C$167)))</f>
        <v>1</v>
      </c>
      <c r="G164" s="174" t="str">
        <f>IF($D$167=0,"",IF(D164="[for completion]","",IF(D164="","",D164/$D$167)))</f>
        <v/>
      </c>
      <c r="H164" s="128"/>
      <c r="L164" s="128"/>
      <c r="M164" s="128"/>
      <c r="N164" s="140"/>
    </row>
    <row r="165" spans="1:14" x14ac:dyDescent="0.3">
      <c r="A165" s="156" t="s">
        <v>516</v>
      </c>
      <c r="B165" s="128" t="s">
        <v>517</v>
      </c>
      <c r="C165" s="169">
        <v>0</v>
      </c>
      <c r="D165" s="169">
        <v>0</v>
      </c>
      <c r="E165" s="48"/>
      <c r="F165" s="174">
        <f>IF($C$167=0,"",IF(C165="[for completion]","",IF(C165="","",C165/$C$167)))</f>
        <v>0</v>
      </c>
      <c r="G165" s="174" t="str">
        <f>IF($D$167=0,"",IF(D165="[for completion]","",IF(D165="","",D165/$D$167)))</f>
        <v/>
      </c>
      <c r="H165" s="128"/>
      <c r="L165" s="128"/>
      <c r="M165" s="128"/>
      <c r="N165" s="140"/>
    </row>
    <row r="166" spans="1:14" x14ac:dyDescent="0.3">
      <c r="A166" s="156" t="s">
        <v>518</v>
      </c>
      <c r="B166" s="128" t="s">
        <v>364</v>
      </c>
      <c r="C166" s="169">
        <v>0</v>
      </c>
      <c r="D166" s="169">
        <v>0</v>
      </c>
      <c r="E166" s="48"/>
      <c r="F166" s="174">
        <f>IF($C$167=0,"",IF(C166="[for completion]","",IF(C166="","",C166/$C$167)))</f>
        <v>0</v>
      </c>
      <c r="G166" s="174" t="str">
        <f>IF($D$167=0,"",IF(D166="[for completion]","",IF(D166="","",D166/$D$167)))</f>
        <v/>
      </c>
      <c r="H166" s="128"/>
      <c r="L166" s="128"/>
      <c r="M166" s="128"/>
      <c r="N166" s="140"/>
    </row>
    <row r="167" spans="1:14" x14ac:dyDescent="0.3">
      <c r="A167" s="156" t="s">
        <v>519</v>
      </c>
      <c r="B167" s="49" t="s">
        <v>366</v>
      </c>
      <c r="C167" s="169">
        <f>SUM(C164:C166)</f>
        <v>328948.78000000003</v>
      </c>
      <c r="D167" s="169">
        <f>SUM(D164:D166)</f>
        <v>0</v>
      </c>
      <c r="E167" s="48"/>
      <c r="F167" s="183">
        <f>SUM(F164:F166)</f>
        <v>1</v>
      </c>
      <c r="G167" s="183">
        <f>SUM(G164:G166)</f>
        <v>0</v>
      </c>
      <c r="H167" s="128"/>
      <c r="L167" s="128"/>
      <c r="M167" s="128"/>
      <c r="N167" s="140"/>
    </row>
    <row r="168" spans="1:14" hidden="1" outlineLevel="1" x14ac:dyDescent="0.3">
      <c r="A168" s="156" t="s">
        <v>520</v>
      </c>
      <c r="B168" s="49"/>
      <c r="C168" s="184"/>
      <c r="D168" s="184"/>
      <c r="E168" s="48"/>
      <c r="F168" s="48"/>
      <c r="G168" s="108"/>
      <c r="H168" s="128"/>
      <c r="L168" s="128"/>
      <c r="M168" s="128"/>
      <c r="N168" s="140"/>
    </row>
    <row r="169" spans="1:14" hidden="1" outlineLevel="1" x14ac:dyDescent="0.3">
      <c r="A169" s="156" t="s">
        <v>521</v>
      </c>
      <c r="B169" s="49"/>
      <c r="C169" s="184"/>
      <c r="D169" s="184"/>
      <c r="E169" s="48"/>
      <c r="F169" s="48"/>
      <c r="G169" s="108"/>
      <c r="H169" s="128"/>
      <c r="L169" s="128"/>
      <c r="M169" s="128"/>
      <c r="N169" s="140"/>
    </row>
    <row r="170" spans="1:14" hidden="1" outlineLevel="1" x14ac:dyDescent="0.3">
      <c r="A170" s="156" t="s">
        <v>522</v>
      </c>
      <c r="B170" s="49"/>
      <c r="C170" s="184"/>
      <c r="D170" s="184"/>
      <c r="E170" s="48"/>
      <c r="F170" s="48"/>
      <c r="G170" s="108"/>
      <c r="H170" s="128"/>
      <c r="L170" s="128"/>
      <c r="M170" s="128"/>
      <c r="N170" s="140"/>
    </row>
    <row r="171" spans="1:14" hidden="1" outlineLevel="1" x14ac:dyDescent="0.3">
      <c r="A171" s="156" t="s">
        <v>523</v>
      </c>
      <c r="B171" s="49"/>
      <c r="C171" s="184"/>
      <c r="D171" s="184"/>
      <c r="E171" s="48"/>
      <c r="F171" s="48"/>
      <c r="G171" s="108"/>
      <c r="H171" s="128"/>
      <c r="L171" s="128"/>
      <c r="M171" s="128"/>
      <c r="N171" s="140"/>
    </row>
    <row r="172" spans="1:14" hidden="1" outlineLevel="1" x14ac:dyDescent="0.3">
      <c r="A172" s="156" t="s">
        <v>524</v>
      </c>
      <c r="B172" s="49"/>
      <c r="C172" s="184"/>
      <c r="D172" s="184"/>
      <c r="E172" s="48"/>
      <c r="F172" s="48"/>
      <c r="G172" s="108"/>
      <c r="H172" s="128"/>
      <c r="L172" s="128"/>
      <c r="M172" s="128"/>
      <c r="N172" s="140"/>
    </row>
    <row r="173" spans="1:14" ht="15" customHeight="1" collapsed="1" x14ac:dyDescent="0.3">
      <c r="A173" s="103"/>
      <c r="B173" s="79" t="s">
        <v>525</v>
      </c>
      <c r="C173" s="103" t="s">
        <v>325</v>
      </c>
      <c r="D173" s="103"/>
      <c r="E173" s="81"/>
      <c r="F173" s="80" t="s">
        <v>526</v>
      </c>
      <c r="G173" s="80"/>
      <c r="H173" s="128"/>
      <c r="L173" s="128"/>
      <c r="M173" s="128"/>
      <c r="N173" s="140"/>
    </row>
    <row r="174" spans="1:14" ht="15" customHeight="1" x14ac:dyDescent="0.3">
      <c r="A174" s="156" t="s">
        <v>527</v>
      </c>
      <c r="B174" s="151" t="s">
        <v>528</v>
      </c>
      <c r="C174" s="169">
        <v>0</v>
      </c>
      <c r="D174" s="129"/>
      <c r="E174" s="145"/>
      <c r="F174" s="174" t="str">
        <f>IF($C$179=0,"",IF(C174="[for completion]","",C174/$C$179))</f>
        <v/>
      </c>
      <c r="G174" s="117"/>
      <c r="H174" s="128"/>
      <c r="L174" s="128"/>
      <c r="M174" s="128"/>
      <c r="N174" s="140"/>
    </row>
    <row r="175" spans="1:14" ht="30.75" customHeight="1" x14ac:dyDescent="0.3">
      <c r="A175" s="156" t="s">
        <v>529</v>
      </c>
      <c r="B175" s="151" t="s">
        <v>530</v>
      </c>
      <c r="C175" s="169">
        <v>0</v>
      </c>
      <c r="E175" s="42"/>
      <c r="F175" s="174" t="str">
        <f>IF($C$179=0,"",IF(C175="[for completion]","",C175/$C$179))</f>
        <v/>
      </c>
      <c r="G175" s="117"/>
      <c r="H175" s="128"/>
      <c r="L175" s="128"/>
      <c r="M175" s="128"/>
      <c r="N175" s="140"/>
    </row>
    <row r="176" spans="1:14" x14ac:dyDescent="0.3">
      <c r="A176" s="156" t="s">
        <v>531</v>
      </c>
      <c r="B176" s="151" t="s">
        <v>532</v>
      </c>
      <c r="C176" s="169">
        <v>0</v>
      </c>
      <c r="E176" s="42"/>
      <c r="F176" s="174"/>
      <c r="G176" s="117"/>
      <c r="H176" s="128"/>
      <c r="L176" s="128"/>
      <c r="M176" s="128"/>
      <c r="N176" s="140"/>
    </row>
    <row r="177" spans="1:14" x14ac:dyDescent="0.3">
      <c r="A177" s="156" t="s">
        <v>533</v>
      </c>
      <c r="B177" s="151" t="s">
        <v>534</v>
      </c>
      <c r="C177" s="169">
        <v>0</v>
      </c>
      <c r="E177" s="42"/>
      <c r="F177" s="174" t="str">
        <f>IF($C$179=0,"",IF(C177="[for completion]","",C177/$C$179))</f>
        <v/>
      </c>
      <c r="G177" s="117"/>
      <c r="H177" s="128"/>
      <c r="L177" s="128"/>
      <c r="M177" s="128"/>
      <c r="N177" s="140"/>
    </row>
    <row r="178" spans="1:14" x14ac:dyDescent="0.3">
      <c r="A178" s="156" t="s">
        <v>535</v>
      </c>
      <c r="B178" s="151" t="s">
        <v>364</v>
      </c>
      <c r="C178" s="169">
        <v>0</v>
      </c>
      <c r="E178" s="42"/>
      <c r="F178" s="174" t="str">
        <f>IF($C$179=0,"",IF(C178="[for completion]","",C178/$C$179))</f>
        <v/>
      </c>
      <c r="G178" s="117"/>
      <c r="H178" s="128"/>
      <c r="L178" s="128"/>
      <c r="M178" s="128"/>
      <c r="N178" s="140"/>
    </row>
    <row r="179" spans="1:14" x14ac:dyDescent="0.3">
      <c r="A179" s="156" t="s">
        <v>536</v>
      </c>
      <c r="B179" s="45" t="s">
        <v>366</v>
      </c>
      <c r="C179" s="169">
        <f>SUM(C174:C178)</f>
        <v>0</v>
      </c>
      <c r="E179" s="42"/>
      <c r="F179" s="175">
        <f>SUM(F174:F178)</f>
        <v>0</v>
      </c>
      <c r="G179" s="117"/>
      <c r="H179" s="128"/>
      <c r="L179" s="128"/>
      <c r="M179" s="128"/>
      <c r="N179" s="140"/>
    </row>
    <row r="180" spans="1:14" hidden="1" outlineLevel="1" x14ac:dyDescent="0.3">
      <c r="A180" s="156" t="s">
        <v>537</v>
      </c>
      <c r="B180" s="50" t="s">
        <v>538</v>
      </c>
      <c r="C180" s="170"/>
      <c r="E180" s="42"/>
      <c r="F180" s="174" t="str">
        <f t="shared" ref="F180:F187" si="13">IF($C$179=0,"",IF(C180="[for completion]","",C180/$C$179))</f>
        <v/>
      </c>
      <c r="G180" s="117"/>
      <c r="H180" s="128"/>
      <c r="L180" s="128"/>
      <c r="M180" s="128"/>
      <c r="N180" s="140"/>
    </row>
    <row r="181" spans="1:14" s="50" customFormat="1" ht="30" hidden="1" customHeight="1" outlineLevel="1" x14ac:dyDescent="0.3">
      <c r="A181" s="156" t="s">
        <v>539</v>
      </c>
      <c r="B181" s="50" t="s">
        <v>540</v>
      </c>
      <c r="C181" s="185"/>
      <c r="F181" s="174" t="str">
        <f t="shared" si="13"/>
        <v/>
      </c>
    </row>
    <row r="182" spans="1:14" ht="30" hidden="1" customHeight="1" outlineLevel="1" x14ac:dyDescent="0.3">
      <c r="A182" s="156" t="s">
        <v>541</v>
      </c>
      <c r="B182" s="50" t="s">
        <v>542</v>
      </c>
      <c r="C182" s="170"/>
      <c r="E182" s="42"/>
      <c r="F182" s="174" t="str">
        <f t="shared" si="13"/>
        <v/>
      </c>
      <c r="G182" s="117"/>
      <c r="H182" s="128"/>
      <c r="L182" s="128"/>
      <c r="M182" s="128"/>
      <c r="N182" s="140"/>
    </row>
    <row r="183" spans="1:14" hidden="1" outlineLevel="1" x14ac:dyDescent="0.3">
      <c r="A183" s="156" t="s">
        <v>543</v>
      </c>
      <c r="B183" s="50" t="s">
        <v>544</v>
      </c>
      <c r="C183" s="170"/>
      <c r="E183" s="42"/>
      <c r="F183" s="174" t="str">
        <f t="shared" si="13"/>
        <v/>
      </c>
      <c r="G183" s="117"/>
      <c r="H183" s="128"/>
      <c r="L183" s="128"/>
      <c r="M183" s="128"/>
      <c r="N183" s="140"/>
    </row>
    <row r="184" spans="1:14" s="50" customFormat="1" ht="30" hidden="1" customHeight="1" outlineLevel="1" x14ac:dyDescent="0.3">
      <c r="A184" s="156" t="s">
        <v>545</v>
      </c>
      <c r="B184" s="50" t="s">
        <v>546</v>
      </c>
      <c r="C184" s="185"/>
      <c r="F184" s="174" t="str">
        <f t="shared" si="13"/>
        <v/>
      </c>
    </row>
    <row r="185" spans="1:14" ht="30" hidden="1" customHeight="1" outlineLevel="1" x14ac:dyDescent="0.3">
      <c r="A185" s="156" t="s">
        <v>547</v>
      </c>
      <c r="B185" s="50" t="s">
        <v>548</v>
      </c>
      <c r="C185" s="170"/>
      <c r="E185" s="42"/>
      <c r="F185" s="174" t="str">
        <f t="shared" si="13"/>
        <v/>
      </c>
      <c r="G185" s="117"/>
      <c r="H185" s="128"/>
      <c r="L185" s="128"/>
      <c r="M185" s="128"/>
      <c r="N185" s="140"/>
    </row>
    <row r="186" spans="1:14" hidden="1" outlineLevel="1" x14ac:dyDescent="0.3">
      <c r="A186" s="156" t="s">
        <v>549</v>
      </c>
      <c r="B186" s="50" t="s">
        <v>550</v>
      </c>
      <c r="C186" s="170"/>
      <c r="E186" s="42"/>
      <c r="F186" s="174" t="str">
        <f t="shared" si="13"/>
        <v/>
      </c>
      <c r="G186" s="117"/>
      <c r="H186" s="128"/>
      <c r="L186" s="128"/>
      <c r="M186" s="128"/>
      <c r="N186" s="140"/>
    </row>
    <row r="187" spans="1:14" hidden="1" outlineLevel="1" x14ac:dyDescent="0.3">
      <c r="A187" s="156" t="s">
        <v>551</v>
      </c>
      <c r="B187" s="50" t="s">
        <v>552</v>
      </c>
      <c r="C187" s="170"/>
      <c r="E187" s="42"/>
      <c r="F187" s="174" t="str">
        <f t="shared" si="13"/>
        <v/>
      </c>
      <c r="G187" s="117"/>
      <c r="H187" s="128"/>
      <c r="L187" s="128"/>
      <c r="M187" s="128"/>
      <c r="N187" s="140"/>
    </row>
    <row r="188" spans="1:14" hidden="1" outlineLevel="1" x14ac:dyDescent="0.3">
      <c r="A188" s="156" t="s">
        <v>553</v>
      </c>
      <c r="B188" s="50"/>
      <c r="E188" s="42"/>
      <c r="F188" s="117"/>
      <c r="G188" s="117"/>
      <c r="H188" s="128"/>
      <c r="L188" s="128"/>
      <c r="M188" s="128"/>
      <c r="N188" s="140"/>
    </row>
    <row r="189" spans="1:14" hidden="1" outlineLevel="1" x14ac:dyDescent="0.3">
      <c r="A189" s="156" t="s">
        <v>554</v>
      </c>
      <c r="B189" s="50"/>
      <c r="E189" s="42"/>
      <c r="F189" s="117"/>
      <c r="G189" s="117"/>
      <c r="H189" s="128"/>
      <c r="L189" s="128"/>
      <c r="M189" s="128"/>
      <c r="N189" s="140"/>
    </row>
    <row r="190" spans="1:14" hidden="1" outlineLevel="1" x14ac:dyDescent="0.3">
      <c r="A190" s="156" t="s">
        <v>555</v>
      </c>
      <c r="B190" s="50"/>
      <c r="E190" s="42"/>
      <c r="F190" s="117"/>
      <c r="G190" s="117"/>
      <c r="H190" s="128"/>
      <c r="L190" s="128"/>
      <c r="M190" s="128"/>
      <c r="N190" s="140"/>
    </row>
    <row r="191" spans="1:14" hidden="1" outlineLevel="1" x14ac:dyDescent="0.3">
      <c r="A191" s="156" t="s">
        <v>556</v>
      </c>
      <c r="B191" s="106"/>
      <c r="E191" s="42"/>
      <c r="F191" s="117"/>
      <c r="G191" s="117"/>
      <c r="H191" s="128"/>
      <c r="L191" s="128"/>
      <c r="M191" s="128"/>
      <c r="N191" s="140"/>
    </row>
    <row r="192" spans="1:14" ht="15" customHeight="1" collapsed="1" x14ac:dyDescent="0.3">
      <c r="A192" s="103"/>
      <c r="B192" s="79" t="s">
        <v>557</v>
      </c>
      <c r="C192" s="103" t="s">
        <v>325</v>
      </c>
      <c r="D192" s="103"/>
      <c r="E192" s="81"/>
      <c r="F192" s="80" t="s">
        <v>526</v>
      </c>
      <c r="G192" s="80"/>
      <c r="H192" s="128"/>
      <c r="L192" s="128"/>
      <c r="M192" s="128"/>
      <c r="N192" s="140"/>
    </row>
    <row r="193" spans="1:14" x14ac:dyDescent="0.3">
      <c r="A193" s="156" t="s">
        <v>558</v>
      </c>
      <c r="B193" s="151" t="s">
        <v>559</v>
      </c>
      <c r="C193" s="169">
        <v>0</v>
      </c>
      <c r="E193" s="116"/>
      <c r="F193" s="174" t="str">
        <f t="shared" ref="F193:F206" si="14">IF($C$208=0,"",IF(C193="[for completion]","",C193/$C$208))</f>
        <v/>
      </c>
      <c r="G193" s="117"/>
      <c r="H193" s="128"/>
      <c r="L193" s="128"/>
      <c r="M193" s="128"/>
      <c r="N193" s="140"/>
    </row>
    <row r="194" spans="1:14" x14ac:dyDescent="0.3">
      <c r="A194" s="156" t="s">
        <v>560</v>
      </c>
      <c r="B194" s="151" t="s">
        <v>561</v>
      </c>
      <c r="C194" s="169">
        <v>0</v>
      </c>
      <c r="E194" s="42"/>
      <c r="F194" s="174" t="str">
        <f t="shared" si="14"/>
        <v/>
      </c>
      <c r="G194" s="42"/>
      <c r="H194" s="128"/>
      <c r="L194" s="128"/>
      <c r="M194" s="128"/>
      <c r="N194" s="140"/>
    </row>
    <row r="195" spans="1:14" x14ac:dyDescent="0.3">
      <c r="A195" s="156" t="s">
        <v>562</v>
      </c>
      <c r="B195" s="151" t="s">
        <v>563</v>
      </c>
      <c r="C195" s="169">
        <v>0</v>
      </c>
      <c r="E195" s="42"/>
      <c r="F195" s="174" t="str">
        <f t="shared" si="14"/>
        <v/>
      </c>
      <c r="G195" s="42"/>
      <c r="H195" s="128"/>
      <c r="L195" s="128"/>
      <c r="M195" s="128"/>
      <c r="N195" s="140"/>
    </row>
    <row r="196" spans="1:14" x14ac:dyDescent="0.3">
      <c r="A196" s="156" t="s">
        <v>564</v>
      </c>
      <c r="B196" s="151" t="s">
        <v>565</v>
      </c>
      <c r="C196" s="169">
        <v>0</v>
      </c>
      <c r="E196" s="42"/>
      <c r="F196" s="174" t="str">
        <f t="shared" si="14"/>
        <v/>
      </c>
      <c r="G196" s="42"/>
      <c r="H196" s="128"/>
      <c r="L196" s="128"/>
      <c r="M196" s="128"/>
      <c r="N196" s="140"/>
    </row>
    <row r="197" spans="1:14" x14ac:dyDescent="0.3">
      <c r="A197" s="156" t="s">
        <v>566</v>
      </c>
      <c r="B197" s="151" t="s">
        <v>567</v>
      </c>
      <c r="C197" s="169">
        <v>0</v>
      </c>
      <c r="E197" s="42"/>
      <c r="F197" s="174" t="str">
        <f t="shared" si="14"/>
        <v/>
      </c>
      <c r="G197" s="42"/>
      <c r="H197" s="128"/>
      <c r="L197" s="128"/>
      <c r="M197" s="128"/>
      <c r="N197" s="140"/>
    </row>
    <row r="198" spans="1:14" x14ac:dyDescent="0.3">
      <c r="A198" s="156" t="s">
        <v>568</v>
      </c>
      <c r="B198" s="151" t="s">
        <v>569</v>
      </c>
      <c r="C198" s="169">
        <v>0</v>
      </c>
      <c r="E198" s="42"/>
      <c r="F198" s="174" t="str">
        <f t="shared" si="14"/>
        <v/>
      </c>
      <c r="G198" s="42"/>
      <c r="H198" s="128"/>
      <c r="L198" s="128"/>
      <c r="M198" s="128"/>
      <c r="N198" s="140"/>
    </row>
    <row r="199" spans="1:14" x14ac:dyDescent="0.3">
      <c r="A199" s="156" t="s">
        <v>570</v>
      </c>
      <c r="B199" s="151" t="s">
        <v>571</v>
      </c>
      <c r="C199" s="169">
        <v>0</v>
      </c>
      <c r="E199" s="42"/>
      <c r="F199" s="174" t="str">
        <f t="shared" si="14"/>
        <v/>
      </c>
      <c r="G199" s="42"/>
      <c r="H199" s="128"/>
      <c r="L199" s="128"/>
      <c r="M199" s="128"/>
      <c r="N199" s="140"/>
    </row>
    <row r="200" spans="1:14" x14ac:dyDescent="0.3">
      <c r="A200" s="156" t="s">
        <v>572</v>
      </c>
      <c r="B200" s="151" t="s">
        <v>573</v>
      </c>
      <c r="C200" s="169">
        <v>0</v>
      </c>
      <c r="E200" s="42"/>
      <c r="F200" s="174" t="str">
        <f t="shared" si="14"/>
        <v/>
      </c>
      <c r="G200" s="42"/>
      <c r="H200" s="128"/>
      <c r="L200" s="128"/>
      <c r="M200" s="128"/>
      <c r="N200" s="140"/>
    </row>
    <row r="201" spans="1:14" x14ac:dyDescent="0.3">
      <c r="A201" s="156" t="s">
        <v>574</v>
      </c>
      <c r="B201" s="151" t="s">
        <v>575</v>
      </c>
      <c r="C201" s="169">
        <v>0</v>
      </c>
      <c r="E201" s="42"/>
      <c r="F201" s="174" t="str">
        <f t="shared" si="14"/>
        <v/>
      </c>
      <c r="G201" s="42"/>
      <c r="H201" s="128"/>
      <c r="L201" s="128"/>
      <c r="M201" s="128"/>
      <c r="N201" s="140"/>
    </row>
    <row r="202" spans="1:14" x14ac:dyDescent="0.3">
      <c r="A202" s="156" t="s">
        <v>576</v>
      </c>
      <c r="B202" s="151" t="s">
        <v>577</v>
      </c>
      <c r="C202" s="169">
        <v>0</v>
      </c>
      <c r="E202" s="42"/>
      <c r="F202" s="174" t="str">
        <f t="shared" si="14"/>
        <v/>
      </c>
      <c r="G202" s="42"/>
      <c r="H202" s="128"/>
      <c r="L202" s="128"/>
      <c r="M202" s="128"/>
      <c r="N202" s="140"/>
    </row>
    <row r="203" spans="1:14" x14ac:dyDescent="0.3">
      <c r="A203" s="156" t="s">
        <v>578</v>
      </c>
      <c r="B203" s="151" t="s">
        <v>579</v>
      </c>
      <c r="C203" s="169">
        <v>0</v>
      </c>
      <c r="E203" s="42"/>
      <c r="F203" s="174" t="str">
        <f t="shared" si="14"/>
        <v/>
      </c>
      <c r="G203" s="42"/>
      <c r="H203" s="128"/>
      <c r="L203" s="128"/>
      <c r="M203" s="128"/>
      <c r="N203" s="140"/>
    </row>
    <row r="204" spans="1:14" x14ac:dyDescent="0.3">
      <c r="A204" s="156" t="s">
        <v>580</v>
      </c>
      <c r="B204" s="151" t="s">
        <v>581</v>
      </c>
      <c r="C204" s="169">
        <v>0</v>
      </c>
      <c r="E204" s="42"/>
      <c r="F204" s="174" t="str">
        <f t="shared" si="14"/>
        <v/>
      </c>
      <c r="G204" s="42"/>
      <c r="H204" s="128"/>
      <c r="L204" s="128"/>
      <c r="M204" s="128"/>
      <c r="N204" s="140"/>
    </row>
    <row r="205" spans="1:14" x14ac:dyDescent="0.3">
      <c r="A205" s="156" t="s">
        <v>582</v>
      </c>
      <c r="B205" s="151" t="s">
        <v>583</v>
      </c>
      <c r="C205" s="169">
        <v>0</v>
      </c>
      <c r="E205" s="42"/>
      <c r="F205" s="174" t="str">
        <f t="shared" si="14"/>
        <v/>
      </c>
      <c r="G205" s="42"/>
      <c r="H205" s="128"/>
      <c r="L205" s="128"/>
      <c r="M205" s="128"/>
      <c r="N205" s="140"/>
    </row>
    <row r="206" spans="1:14" x14ac:dyDescent="0.3">
      <c r="A206" s="156" t="s">
        <v>584</v>
      </c>
      <c r="B206" s="151" t="s">
        <v>364</v>
      </c>
      <c r="C206" s="169">
        <v>0</v>
      </c>
      <c r="E206" s="42"/>
      <c r="F206" s="174" t="str">
        <f t="shared" si="14"/>
        <v/>
      </c>
      <c r="G206" s="42"/>
      <c r="H206" s="128"/>
      <c r="L206" s="128"/>
      <c r="M206" s="128"/>
      <c r="N206" s="140"/>
    </row>
    <row r="207" spans="1:14" x14ac:dyDescent="0.3">
      <c r="A207" s="156" t="s">
        <v>585</v>
      </c>
      <c r="B207" s="115" t="s">
        <v>586</v>
      </c>
      <c r="C207" s="169">
        <v>0</v>
      </c>
      <c r="E207" s="42"/>
      <c r="F207" s="174"/>
      <c r="G207" s="42"/>
      <c r="H207" s="128"/>
      <c r="L207" s="128"/>
      <c r="M207" s="128"/>
      <c r="N207" s="140"/>
    </row>
    <row r="208" spans="1:14" x14ac:dyDescent="0.3">
      <c r="A208" s="156" t="s">
        <v>587</v>
      </c>
      <c r="B208" s="45" t="s">
        <v>366</v>
      </c>
      <c r="C208" s="169">
        <f>SUM(C193:C206)</f>
        <v>0</v>
      </c>
      <c r="D208" s="151"/>
      <c r="E208" s="42"/>
      <c r="F208" s="175">
        <f>SUM(F193:F206)</f>
        <v>0</v>
      </c>
      <c r="G208" s="42"/>
      <c r="H208" s="128"/>
      <c r="L208" s="128"/>
      <c r="M208" s="128"/>
      <c r="N208" s="140"/>
    </row>
    <row r="209" spans="1:14" hidden="1" outlineLevel="1" x14ac:dyDescent="0.3">
      <c r="A209" s="156" t="s">
        <v>588</v>
      </c>
      <c r="B209" s="106" t="s">
        <v>368</v>
      </c>
      <c r="C209" s="170"/>
      <c r="E209" s="42"/>
      <c r="F209" s="174" t="str">
        <f t="shared" ref="F209:F215" si="15">IF($C$208=0,"",IF(C209="[for completion]","",C209/$C$208))</f>
        <v/>
      </c>
      <c r="G209" s="42"/>
      <c r="H209" s="128"/>
      <c r="L209" s="128"/>
      <c r="M209" s="128"/>
      <c r="N209" s="140"/>
    </row>
    <row r="210" spans="1:14" hidden="1" outlineLevel="1" x14ac:dyDescent="0.3">
      <c r="A210" s="156" t="s">
        <v>589</v>
      </c>
      <c r="B210" s="106" t="s">
        <v>368</v>
      </c>
      <c r="C210" s="170"/>
      <c r="E210" s="42"/>
      <c r="F210" s="174" t="str">
        <f t="shared" si="15"/>
        <v/>
      </c>
      <c r="G210" s="42"/>
      <c r="H210" s="128"/>
      <c r="L210" s="128"/>
      <c r="M210" s="128"/>
      <c r="N210" s="140"/>
    </row>
    <row r="211" spans="1:14" hidden="1" outlineLevel="1" x14ac:dyDescent="0.3">
      <c r="A211" s="156" t="s">
        <v>590</v>
      </c>
      <c r="B211" s="106" t="s">
        <v>368</v>
      </c>
      <c r="C211" s="170"/>
      <c r="E211" s="42"/>
      <c r="F211" s="174" t="str">
        <f t="shared" si="15"/>
        <v/>
      </c>
      <c r="G211" s="42"/>
      <c r="H211" s="128"/>
      <c r="L211" s="128"/>
      <c r="M211" s="128"/>
      <c r="N211" s="140"/>
    </row>
    <row r="212" spans="1:14" hidden="1" outlineLevel="1" x14ac:dyDescent="0.3">
      <c r="A212" s="156" t="s">
        <v>591</v>
      </c>
      <c r="B212" s="106" t="s">
        <v>368</v>
      </c>
      <c r="C212" s="170"/>
      <c r="E212" s="42"/>
      <c r="F212" s="174" t="str">
        <f t="shared" si="15"/>
        <v/>
      </c>
      <c r="G212" s="42"/>
      <c r="H212" s="128"/>
      <c r="L212" s="128"/>
      <c r="M212" s="128"/>
      <c r="N212" s="140"/>
    </row>
    <row r="213" spans="1:14" hidden="1" outlineLevel="1" x14ac:dyDescent="0.3">
      <c r="A213" s="156" t="s">
        <v>592</v>
      </c>
      <c r="B213" s="106" t="s">
        <v>368</v>
      </c>
      <c r="C213" s="170"/>
      <c r="E213" s="42"/>
      <c r="F213" s="174" t="str">
        <f t="shared" si="15"/>
        <v/>
      </c>
      <c r="G213" s="42"/>
      <c r="H213" s="128"/>
      <c r="L213" s="128"/>
      <c r="M213" s="128"/>
      <c r="N213" s="140"/>
    </row>
    <row r="214" spans="1:14" hidden="1" outlineLevel="1" x14ac:dyDescent="0.3">
      <c r="A214" s="156" t="s">
        <v>593</v>
      </c>
      <c r="B214" s="106" t="s">
        <v>368</v>
      </c>
      <c r="C214" s="170"/>
      <c r="E214" s="42"/>
      <c r="F214" s="174" t="str">
        <f t="shared" si="15"/>
        <v/>
      </c>
      <c r="G214" s="42"/>
      <c r="H214" s="128"/>
      <c r="L214" s="128"/>
      <c r="M214" s="128"/>
      <c r="N214" s="140"/>
    </row>
    <row r="215" spans="1:14" hidden="1" outlineLevel="1" x14ac:dyDescent="0.3">
      <c r="A215" s="156" t="s">
        <v>594</v>
      </c>
      <c r="B215" s="106" t="s">
        <v>368</v>
      </c>
      <c r="C215" s="170"/>
      <c r="E215" s="42"/>
      <c r="F215" s="174" t="str">
        <f t="shared" si="15"/>
        <v/>
      </c>
      <c r="G215" s="42"/>
      <c r="H215" s="128"/>
      <c r="L215" s="128"/>
      <c r="M215" s="128"/>
      <c r="N215" s="140"/>
    </row>
    <row r="216" spans="1:14" ht="15" customHeight="1" collapsed="1" x14ac:dyDescent="0.3">
      <c r="A216" s="103"/>
      <c r="B216" s="79" t="s">
        <v>595</v>
      </c>
      <c r="C216" s="103" t="s">
        <v>325</v>
      </c>
      <c r="D216" s="103"/>
      <c r="E216" s="81"/>
      <c r="F216" s="80" t="s">
        <v>353</v>
      </c>
      <c r="G216" s="80" t="s">
        <v>596</v>
      </c>
      <c r="H216" s="128"/>
      <c r="L216" s="128"/>
      <c r="M216" s="128"/>
      <c r="N216" s="140"/>
    </row>
    <row r="217" spans="1:14" x14ac:dyDescent="0.3">
      <c r="A217" s="156" t="s">
        <v>597</v>
      </c>
      <c r="B217" s="108" t="s">
        <v>598</v>
      </c>
      <c r="C217" s="169">
        <v>0</v>
      </c>
      <c r="E217" s="48"/>
      <c r="F217" s="174">
        <f>IF($C$38=0,"",IF(C217="[for completion]","",IF(C217="","",C217/$C$38)))</f>
        <v>0</v>
      </c>
      <c r="G217" s="174">
        <f>IF($C$39=0,"",IF(C217="[for completion]","",IF(C217="","",C217/$C$39)))</f>
        <v>0</v>
      </c>
      <c r="H217" s="128"/>
      <c r="L217" s="128"/>
      <c r="M217" s="128"/>
      <c r="N217" s="140"/>
    </row>
    <row r="218" spans="1:14" x14ac:dyDescent="0.3">
      <c r="A218" s="156" t="s">
        <v>599</v>
      </c>
      <c r="B218" s="108" t="s">
        <v>600</v>
      </c>
      <c r="C218" s="169">
        <v>0</v>
      </c>
      <c r="E218" s="48"/>
      <c r="F218" s="174">
        <f>IF($C$38=0,"",IF(C218="[for completion]","",IF(C218="","",C218/$C$38)))</f>
        <v>0</v>
      </c>
      <c r="G218" s="174">
        <f>IF($C$39=0,"",IF(C218="[for completion]","",IF(C218="","",C218/$C$39)))</f>
        <v>0</v>
      </c>
      <c r="H218" s="128"/>
      <c r="L218" s="128"/>
      <c r="M218" s="128"/>
      <c r="N218" s="140"/>
    </row>
    <row r="219" spans="1:14" x14ac:dyDescent="0.3">
      <c r="A219" s="156" t="s">
        <v>601</v>
      </c>
      <c r="B219" s="108" t="s">
        <v>364</v>
      </c>
      <c r="C219" s="169">
        <v>0</v>
      </c>
      <c r="E219" s="48"/>
      <c r="F219" s="174">
        <f>IF($C$38=0,"",IF(C219="[for completion]","",IF(C219="","",C219/$C$38)))</f>
        <v>0</v>
      </c>
      <c r="G219" s="174">
        <f>IF($C$39=0,"",IF(C219="[for completion]","",IF(C219="","",C219/$C$39)))</f>
        <v>0</v>
      </c>
      <c r="H219" s="128"/>
      <c r="L219" s="128"/>
      <c r="M219" s="128"/>
      <c r="N219" s="140"/>
    </row>
    <row r="220" spans="1:14" x14ac:dyDescent="0.3">
      <c r="A220" s="156" t="s">
        <v>602</v>
      </c>
      <c r="B220" s="45" t="s">
        <v>366</v>
      </c>
      <c r="C220" s="169">
        <f>SUM(C217:C219)</f>
        <v>0</v>
      </c>
      <c r="E220" s="48"/>
      <c r="F220" s="173">
        <f>SUM(F217:F219)</f>
        <v>0</v>
      </c>
      <c r="G220" s="173">
        <f>SUM(G217:G219)</f>
        <v>0</v>
      </c>
      <c r="H220" s="128"/>
      <c r="L220" s="128"/>
      <c r="M220" s="128"/>
      <c r="N220" s="140"/>
    </row>
    <row r="221" spans="1:14" hidden="1" outlineLevel="1" x14ac:dyDescent="0.3">
      <c r="A221" s="156" t="s">
        <v>603</v>
      </c>
      <c r="B221" s="106" t="s">
        <v>368</v>
      </c>
      <c r="C221" s="170"/>
      <c r="E221" s="48"/>
      <c r="F221" s="174" t="str">
        <f t="shared" ref="F221:F227" si="16">IF($C$38=0,"",IF(C221="[for completion]","",IF(C221="","",C221/$C$38)))</f>
        <v/>
      </c>
      <c r="G221" s="174" t="str">
        <f t="shared" ref="G221:G227" si="17">IF($C$39=0,"",IF(C221="[for completion]","",IF(C221="","",C221/$C$39)))</f>
        <v/>
      </c>
      <c r="H221" s="128"/>
      <c r="L221" s="128"/>
      <c r="M221" s="128"/>
      <c r="N221" s="140"/>
    </row>
    <row r="222" spans="1:14" hidden="1" outlineLevel="1" x14ac:dyDescent="0.3">
      <c r="A222" s="156" t="s">
        <v>604</v>
      </c>
      <c r="B222" s="106" t="s">
        <v>368</v>
      </c>
      <c r="C222" s="170"/>
      <c r="E222" s="48"/>
      <c r="F222" s="174" t="str">
        <f t="shared" si="16"/>
        <v/>
      </c>
      <c r="G222" s="174" t="str">
        <f t="shared" si="17"/>
        <v/>
      </c>
      <c r="H222" s="128"/>
      <c r="L222" s="128"/>
      <c r="M222" s="128"/>
      <c r="N222" s="140"/>
    </row>
    <row r="223" spans="1:14" hidden="1" outlineLevel="1" x14ac:dyDescent="0.3">
      <c r="A223" s="156" t="s">
        <v>605</v>
      </c>
      <c r="B223" s="106" t="s">
        <v>368</v>
      </c>
      <c r="C223" s="170"/>
      <c r="E223" s="48"/>
      <c r="F223" s="174" t="str">
        <f t="shared" si="16"/>
        <v/>
      </c>
      <c r="G223" s="174" t="str">
        <f t="shared" si="17"/>
        <v/>
      </c>
      <c r="H223" s="128"/>
      <c r="L223" s="128"/>
      <c r="M223" s="128"/>
      <c r="N223" s="140"/>
    </row>
    <row r="224" spans="1:14" hidden="1" outlineLevel="1" x14ac:dyDescent="0.3">
      <c r="A224" s="156" t="s">
        <v>606</v>
      </c>
      <c r="B224" s="106" t="s">
        <v>368</v>
      </c>
      <c r="C224" s="170"/>
      <c r="E224" s="48"/>
      <c r="F224" s="174" t="str">
        <f t="shared" si="16"/>
        <v/>
      </c>
      <c r="G224" s="174" t="str">
        <f t="shared" si="17"/>
        <v/>
      </c>
      <c r="H224" s="128"/>
      <c r="L224" s="128"/>
      <c r="M224" s="128"/>
      <c r="N224" s="140"/>
    </row>
    <row r="225" spans="1:13" hidden="1" outlineLevel="1" x14ac:dyDescent="0.3">
      <c r="A225" s="156" t="s">
        <v>607</v>
      </c>
      <c r="B225" s="106" t="s">
        <v>368</v>
      </c>
      <c r="C225" s="170"/>
      <c r="E225" s="48"/>
      <c r="F225" s="174" t="str">
        <f t="shared" si="16"/>
        <v/>
      </c>
      <c r="G225" s="174" t="str">
        <f t="shared" si="17"/>
        <v/>
      </c>
      <c r="H225" s="128"/>
      <c r="L225" s="128"/>
      <c r="M225" s="128"/>
    </row>
    <row r="226" spans="1:13" hidden="1" outlineLevel="1" x14ac:dyDescent="0.3">
      <c r="A226" s="156" t="s">
        <v>608</v>
      </c>
      <c r="B226" s="106" t="s">
        <v>368</v>
      </c>
      <c r="C226" s="170"/>
      <c r="E226" s="151"/>
      <c r="F226" s="174" t="str">
        <f t="shared" si="16"/>
        <v/>
      </c>
      <c r="G226" s="174" t="str">
        <f t="shared" si="17"/>
        <v/>
      </c>
      <c r="H226" s="128"/>
      <c r="L226" s="128"/>
      <c r="M226" s="128"/>
    </row>
    <row r="227" spans="1:13" hidden="1" outlineLevel="1" x14ac:dyDescent="0.3">
      <c r="A227" s="156" t="s">
        <v>609</v>
      </c>
      <c r="B227" s="106" t="s">
        <v>368</v>
      </c>
      <c r="C227" s="170"/>
      <c r="E227" s="48"/>
      <c r="F227" s="174" t="str">
        <f t="shared" si="16"/>
        <v/>
      </c>
      <c r="G227" s="174" t="str">
        <f t="shared" si="17"/>
        <v/>
      </c>
      <c r="H227" s="128"/>
      <c r="L227" s="128"/>
      <c r="M227" s="128"/>
    </row>
    <row r="228" spans="1:13" ht="15" customHeight="1" collapsed="1" x14ac:dyDescent="0.3">
      <c r="A228" s="103"/>
      <c r="B228" s="79" t="s">
        <v>610</v>
      </c>
      <c r="C228" s="103"/>
      <c r="D228" s="103"/>
      <c r="E228" s="81"/>
      <c r="F228" s="80"/>
      <c r="G228" s="80"/>
      <c r="H228" s="128"/>
      <c r="L228" s="128"/>
      <c r="M228" s="128"/>
    </row>
    <row r="229" spans="1:13" ht="30" customHeight="1" x14ac:dyDescent="0.3">
      <c r="A229" s="156" t="s">
        <v>611</v>
      </c>
      <c r="B229" s="151" t="s">
        <v>612</v>
      </c>
      <c r="C229" s="167" t="s">
        <v>613</v>
      </c>
      <c r="H229" s="128"/>
      <c r="L229" s="128"/>
      <c r="M229" s="128"/>
    </row>
    <row r="230" spans="1:13" ht="15" customHeight="1" x14ac:dyDescent="0.3">
      <c r="A230" s="103"/>
      <c r="B230" s="79" t="s">
        <v>614</v>
      </c>
      <c r="C230" s="103"/>
      <c r="D230" s="103"/>
      <c r="E230" s="81"/>
      <c r="F230" s="80"/>
      <c r="G230" s="80"/>
      <c r="H230" s="128"/>
      <c r="L230" s="128"/>
      <c r="M230" s="128"/>
    </row>
    <row r="231" spans="1:13" x14ac:dyDescent="0.3">
      <c r="A231" s="156" t="s">
        <v>615</v>
      </c>
      <c r="B231" s="156" t="s">
        <v>616</v>
      </c>
      <c r="C231" s="169">
        <v>0</v>
      </c>
      <c r="E231" s="151"/>
      <c r="H231" s="128"/>
      <c r="L231" s="128"/>
      <c r="M231" s="128"/>
    </row>
    <row r="232" spans="1:13" x14ac:dyDescent="0.3">
      <c r="A232" s="156" t="s">
        <v>617</v>
      </c>
      <c r="B232" s="89" t="s">
        <v>618</v>
      </c>
      <c r="C232" s="166" t="s">
        <v>619</v>
      </c>
      <c r="E232" s="151"/>
      <c r="H232" s="128"/>
      <c r="L232" s="128"/>
      <c r="M232" s="128"/>
    </row>
    <row r="233" spans="1:13" x14ac:dyDescent="0.3">
      <c r="A233" s="156" t="s">
        <v>620</v>
      </c>
      <c r="B233" s="89" t="s">
        <v>621</v>
      </c>
      <c r="C233" s="166" t="s">
        <v>619</v>
      </c>
      <c r="E233" s="151"/>
      <c r="H233" s="128"/>
      <c r="L233" s="128"/>
      <c r="M233" s="128"/>
    </row>
    <row r="234" spans="1:13" hidden="1" outlineLevel="1" x14ac:dyDescent="0.3">
      <c r="A234" s="156" t="s">
        <v>622</v>
      </c>
      <c r="B234" s="104" t="s">
        <v>623</v>
      </c>
      <c r="C234" s="177"/>
      <c r="D234" s="151"/>
      <c r="E234" s="151"/>
      <c r="H234" s="128"/>
      <c r="L234" s="128"/>
      <c r="M234" s="128"/>
    </row>
    <row r="235" spans="1:13" hidden="1" outlineLevel="1" x14ac:dyDescent="0.3">
      <c r="A235" s="156" t="s">
        <v>624</v>
      </c>
      <c r="B235" s="104" t="s">
        <v>625</v>
      </c>
      <c r="C235" s="177"/>
      <c r="D235" s="151"/>
      <c r="E235" s="151"/>
      <c r="H235" s="128"/>
      <c r="L235" s="128"/>
      <c r="M235" s="128"/>
    </row>
    <row r="236" spans="1:13" hidden="1" outlineLevel="1" x14ac:dyDescent="0.3">
      <c r="A236" s="156" t="s">
        <v>626</v>
      </c>
      <c r="B236" s="104" t="s">
        <v>627</v>
      </c>
      <c r="C236" s="151"/>
      <c r="D236" s="151"/>
      <c r="E236" s="151"/>
      <c r="H236" s="128"/>
      <c r="L236" s="128"/>
      <c r="M236" s="128"/>
    </row>
    <row r="237" spans="1:13" hidden="1" outlineLevel="1" x14ac:dyDescent="0.3">
      <c r="A237" s="156" t="s">
        <v>628</v>
      </c>
      <c r="C237" s="151"/>
      <c r="D237" s="151"/>
      <c r="E237" s="151"/>
      <c r="H237" s="128"/>
      <c r="L237" s="128"/>
      <c r="M237" s="128"/>
    </row>
    <row r="238" spans="1:13" hidden="1" outlineLevel="1" x14ac:dyDescent="0.3">
      <c r="A238" s="156" t="s">
        <v>629</v>
      </c>
      <c r="C238" s="151"/>
      <c r="D238" s="151"/>
      <c r="E238" s="151"/>
      <c r="H238" s="128"/>
      <c r="L238" s="128"/>
      <c r="M238" s="128"/>
    </row>
    <row r="239" spans="1:13" hidden="1" outlineLevel="1" x14ac:dyDescent="0.3">
      <c r="A239" s="103"/>
      <c r="B239" s="79" t="s">
        <v>630</v>
      </c>
      <c r="C239" s="103"/>
      <c r="D239" s="103"/>
      <c r="E239" s="81"/>
      <c r="F239" s="80"/>
      <c r="G239" s="80"/>
      <c r="H239" s="128"/>
    </row>
    <row r="240" spans="1:13" ht="30" hidden="1" customHeight="1" outlineLevel="1" x14ac:dyDescent="0.3">
      <c r="A240" s="156" t="s">
        <v>631</v>
      </c>
      <c r="B240" s="156" t="s">
        <v>632</v>
      </c>
      <c r="C240" s="166"/>
      <c r="H240" s="128"/>
    </row>
    <row r="241" spans="1:8" ht="30" hidden="1" customHeight="1" outlineLevel="1" x14ac:dyDescent="0.3">
      <c r="A241" s="156" t="s">
        <v>633</v>
      </c>
      <c r="B241" s="156" t="s">
        <v>634</v>
      </c>
      <c r="C241" s="166"/>
      <c r="H241" s="128"/>
    </row>
    <row r="242" spans="1:8" hidden="1" outlineLevel="1" x14ac:dyDescent="0.3">
      <c r="A242" s="156" t="s">
        <v>635</v>
      </c>
      <c r="B242" s="156" t="s">
        <v>636</v>
      </c>
      <c r="C242" s="166"/>
      <c r="H242" s="128"/>
    </row>
    <row r="243" spans="1:8" ht="45" hidden="1" customHeight="1" outlineLevel="1" x14ac:dyDescent="0.3">
      <c r="A243" s="156" t="s">
        <v>637</v>
      </c>
      <c r="B243" s="156" t="s">
        <v>638</v>
      </c>
      <c r="C243" s="166"/>
      <c r="H243" s="128"/>
    </row>
    <row r="244" spans="1:8" hidden="1" outlineLevel="1" x14ac:dyDescent="0.3">
      <c r="A244" s="156" t="s">
        <v>639</v>
      </c>
      <c r="H244" s="128"/>
    </row>
    <row r="245" spans="1:8" hidden="1" outlineLevel="1" x14ac:dyDescent="0.3">
      <c r="A245" s="156" t="s">
        <v>640</v>
      </c>
      <c r="H245" s="128"/>
    </row>
    <row r="246" spans="1:8" hidden="1" outlineLevel="1" x14ac:dyDescent="0.3">
      <c r="A246" s="156" t="s">
        <v>641</v>
      </c>
      <c r="H246" s="128"/>
    </row>
    <row r="247" spans="1:8" hidden="1" outlineLevel="1" x14ac:dyDescent="0.3">
      <c r="A247" s="156" t="s">
        <v>642</v>
      </c>
      <c r="H247" s="128"/>
    </row>
    <row r="248" spans="1:8" hidden="1" outlineLevel="1" x14ac:dyDescent="0.3">
      <c r="A248" s="156" t="s">
        <v>643</v>
      </c>
      <c r="H248" s="128"/>
    </row>
    <row r="249" spans="1:8" hidden="1" outlineLevel="1" x14ac:dyDescent="0.3">
      <c r="A249" s="156" t="s">
        <v>644</v>
      </c>
      <c r="H249" s="128"/>
    </row>
    <row r="250" spans="1:8" hidden="1" outlineLevel="1" x14ac:dyDescent="0.3">
      <c r="A250" s="156" t="s">
        <v>645</v>
      </c>
      <c r="H250" s="128"/>
    </row>
    <row r="251" spans="1:8" hidden="1" outlineLevel="1" x14ac:dyDescent="0.3">
      <c r="A251" s="156" t="s">
        <v>646</v>
      </c>
      <c r="H251" s="128"/>
    </row>
    <row r="252" spans="1:8" hidden="1" outlineLevel="1" x14ac:dyDescent="0.3">
      <c r="A252" s="156" t="s">
        <v>647</v>
      </c>
      <c r="H252" s="128"/>
    </row>
    <row r="253" spans="1:8" hidden="1" outlineLevel="1" x14ac:dyDescent="0.3">
      <c r="A253" s="156" t="s">
        <v>648</v>
      </c>
      <c r="H253" s="128"/>
    </row>
    <row r="254" spans="1:8" hidden="1" outlineLevel="1" x14ac:dyDescent="0.3">
      <c r="A254" s="156" t="s">
        <v>649</v>
      </c>
      <c r="H254" s="128"/>
    </row>
    <row r="255" spans="1:8" hidden="1" outlineLevel="1" x14ac:dyDescent="0.3">
      <c r="A255" s="156" t="s">
        <v>650</v>
      </c>
      <c r="H255" s="128"/>
    </row>
    <row r="256" spans="1:8" hidden="1" outlineLevel="1" x14ac:dyDescent="0.3">
      <c r="A256" s="156" t="s">
        <v>651</v>
      </c>
      <c r="H256" s="128"/>
    </row>
    <row r="257" spans="1:8" hidden="1" outlineLevel="1" x14ac:dyDescent="0.3">
      <c r="A257" s="156" t="s">
        <v>652</v>
      </c>
      <c r="H257" s="128"/>
    </row>
    <row r="258" spans="1:8" hidden="1" outlineLevel="1" x14ac:dyDescent="0.3">
      <c r="A258" s="156" t="s">
        <v>653</v>
      </c>
      <c r="H258" s="128"/>
    </row>
    <row r="259" spans="1:8" hidden="1" outlineLevel="1" x14ac:dyDescent="0.3">
      <c r="A259" s="156" t="s">
        <v>654</v>
      </c>
      <c r="H259" s="128"/>
    </row>
    <row r="260" spans="1:8" hidden="1" outlineLevel="1" x14ac:dyDescent="0.3">
      <c r="A260" s="156" t="s">
        <v>655</v>
      </c>
      <c r="H260" s="128"/>
    </row>
    <row r="261" spans="1:8" hidden="1" outlineLevel="1" x14ac:dyDescent="0.3">
      <c r="A261" s="156" t="s">
        <v>656</v>
      </c>
      <c r="H261" s="128"/>
    </row>
    <row r="262" spans="1:8" hidden="1" outlineLevel="1" x14ac:dyDescent="0.3">
      <c r="A262" s="156" t="s">
        <v>657</v>
      </c>
      <c r="H262" s="128"/>
    </row>
    <row r="263" spans="1:8" hidden="1" outlineLevel="1" x14ac:dyDescent="0.3">
      <c r="A263" s="156" t="s">
        <v>658</v>
      </c>
      <c r="H263" s="128"/>
    </row>
    <row r="264" spans="1:8" hidden="1" outlineLevel="1" x14ac:dyDescent="0.3">
      <c r="A264" s="156" t="s">
        <v>659</v>
      </c>
      <c r="H264" s="128"/>
    </row>
    <row r="265" spans="1:8" hidden="1" outlineLevel="1" x14ac:dyDescent="0.3">
      <c r="A265" s="156" t="s">
        <v>660</v>
      </c>
      <c r="H265" s="128"/>
    </row>
    <row r="266" spans="1:8" hidden="1" outlineLevel="1" x14ac:dyDescent="0.3">
      <c r="A266" s="156" t="s">
        <v>661</v>
      </c>
      <c r="H266" s="128"/>
    </row>
    <row r="267" spans="1:8" hidden="1" outlineLevel="1" x14ac:dyDescent="0.3">
      <c r="A267" s="156" t="s">
        <v>662</v>
      </c>
      <c r="H267" s="128"/>
    </row>
    <row r="268" spans="1:8" hidden="1" outlineLevel="1" x14ac:dyDescent="0.3">
      <c r="A268" s="156" t="s">
        <v>663</v>
      </c>
      <c r="H268" s="128"/>
    </row>
    <row r="269" spans="1:8" hidden="1" outlineLevel="1" x14ac:dyDescent="0.3">
      <c r="A269" s="156" t="s">
        <v>664</v>
      </c>
      <c r="H269" s="128"/>
    </row>
    <row r="270" spans="1:8" hidden="1" outlineLevel="1" x14ac:dyDescent="0.3">
      <c r="A270" s="156" t="s">
        <v>665</v>
      </c>
      <c r="H270" s="128"/>
    </row>
    <row r="271" spans="1:8" hidden="1" outlineLevel="1" x14ac:dyDescent="0.3">
      <c r="A271" s="156" t="s">
        <v>666</v>
      </c>
      <c r="H271" s="128"/>
    </row>
    <row r="272" spans="1:8" hidden="1" outlineLevel="1" x14ac:dyDescent="0.3">
      <c r="A272" s="156" t="s">
        <v>667</v>
      </c>
      <c r="H272" s="128"/>
    </row>
    <row r="273" spans="1:14" hidden="1" outlineLevel="1" x14ac:dyDescent="0.3">
      <c r="A273" s="156" t="s">
        <v>668</v>
      </c>
      <c r="H273" s="128"/>
    </row>
    <row r="274" spans="1:14" hidden="1" outlineLevel="1" x14ac:dyDescent="0.3">
      <c r="A274" s="156" t="s">
        <v>669</v>
      </c>
      <c r="H274" s="128"/>
    </row>
    <row r="275" spans="1:14" hidden="1" outlineLevel="1" x14ac:dyDescent="0.3">
      <c r="A275" s="156" t="s">
        <v>670</v>
      </c>
      <c r="H275" s="128"/>
    </row>
    <row r="276" spans="1:14" hidden="1" outlineLevel="1" x14ac:dyDescent="0.3">
      <c r="A276" s="156" t="s">
        <v>671</v>
      </c>
      <c r="H276" s="128"/>
    </row>
    <row r="277" spans="1:14" hidden="1" outlineLevel="1" x14ac:dyDescent="0.3">
      <c r="A277" s="156" t="s">
        <v>672</v>
      </c>
      <c r="H277" s="128"/>
    </row>
    <row r="278" spans="1:14" hidden="1" outlineLevel="1" x14ac:dyDescent="0.3">
      <c r="A278" s="156" t="s">
        <v>673</v>
      </c>
      <c r="H278" s="128"/>
    </row>
    <row r="279" spans="1:14" hidden="1" outlineLevel="1" x14ac:dyDescent="0.3">
      <c r="A279" s="156" t="s">
        <v>674</v>
      </c>
      <c r="H279" s="128"/>
    </row>
    <row r="280" spans="1:14" hidden="1" outlineLevel="1" x14ac:dyDescent="0.3">
      <c r="A280" s="156" t="s">
        <v>675</v>
      </c>
      <c r="H280" s="128"/>
    </row>
    <row r="281" spans="1:14" hidden="1" outlineLevel="1" x14ac:dyDescent="0.3">
      <c r="A281" s="156" t="s">
        <v>676</v>
      </c>
      <c r="H281" s="128"/>
    </row>
    <row r="282" spans="1:14" hidden="1" outlineLevel="1" x14ac:dyDescent="0.3">
      <c r="A282" s="156" t="s">
        <v>677</v>
      </c>
      <c r="H282" s="128"/>
    </row>
    <row r="283" spans="1:14" hidden="1" outlineLevel="1" x14ac:dyDescent="0.3">
      <c r="A283" s="156" t="s">
        <v>678</v>
      </c>
      <c r="H283" s="128"/>
    </row>
    <row r="284" spans="1:14" hidden="1" outlineLevel="1" x14ac:dyDescent="0.3">
      <c r="A284" s="156" t="s">
        <v>679</v>
      </c>
      <c r="H284" s="128"/>
    </row>
    <row r="285" spans="1:14" ht="18.75" customHeight="1" collapsed="1" x14ac:dyDescent="0.3">
      <c r="A285" s="163"/>
      <c r="B285" s="163" t="s">
        <v>680</v>
      </c>
      <c r="C285" s="163" t="s">
        <v>681</v>
      </c>
      <c r="D285" s="163" t="s">
        <v>681</v>
      </c>
      <c r="E285" s="163"/>
      <c r="F285" s="77"/>
      <c r="G285" s="78"/>
      <c r="H285" s="128"/>
      <c r="I285" s="101"/>
      <c r="J285" s="101"/>
      <c r="K285" s="101"/>
      <c r="L285" s="101"/>
      <c r="M285" s="145"/>
    </row>
    <row r="286" spans="1:14" ht="18.75" customHeight="1" x14ac:dyDescent="0.3">
      <c r="A286" s="142" t="s">
        <v>682</v>
      </c>
      <c r="B286" s="143"/>
      <c r="C286" s="143"/>
      <c r="D286" s="143"/>
      <c r="E286" s="143"/>
      <c r="F286" s="144"/>
      <c r="G286" s="143"/>
      <c r="H286" s="128"/>
      <c r="I286" s="101"/>
      <c r="J286" s="101"/>
      <c r="K286" s="101"/>
      <c r="L286" s="101"/>
      <c r="M286" s="145"/>
    </row>
    <row r="287" spans="1:14" ht="18.75" customHeight="1" x14ac:dyDescent="0.3">
      <c r="A287" s="142" t="s">
        <v>683</v>
      </c>
      <c r="B287" s="143"/>
      <c r="C287" s="143"/>
      <c r="D287" s="143"/>
      <c r="E287" s="143"/>
      <c r="F287" s="144"/>
      <c r="G287" s="143"/>
      <c r="H287" s="128"/>
      <c r="I287" s="101"/>
      <c r="J287" s="101"/>
      <c r="K287" s="101"/>
      <c r="L287" s="101"/>
      <c r="M287" s="145"/>
    </row>
    <row r="288" spans="1:14" x14ac:dyDescent="0.3">
      <c r="A288" s="156" t="s">
        <v>684</v>
      </c>
      <c r="B288" s="104" t="s">
        <v>685</v>
      </c>
      <c r="C288" s="167" t="s">
        <v>686</v>
      </c>
      <c r="D288" s="114"/>
      <c r="E288" s="114"/>
      <c r="F288" s="114"/>
      <c r="G288" s="114"/>
      <c r="H288" s="128"/>
      <c r="I288" s="104"/>
      <c r="J288" s="51"/>
      <c r="L288" s="114"/>
      <c r="M288" s="114"/>
      <c r="N288" s="114"/>
    </row>
    <row r="289" spans="1:14" x14ac:dyDescent="0.3">
      <c r="A289" s="156" t="s">
        <v>687</v>
      </c>
      <c r="B289" s="104" t="s">
        <v>688</v>
      </c>
      <c r="C289" s="167" t="s">
        <v>689</v>
      </c>
      <c r="E289" s="114"/>
      <c r="F289" s="114"/>
      <c r="H289" s="128"/>
      <c r="I289" s="104"/>
      <c r="J289" s="51"/>
      <c r="L289" s="114"/>
      <c r="M289" s="114"/>
    </row>
    <row r="290" spans="1:14" ht="30" customHeight="1" x14ac:dyDescent="0.3">
      <c r="A290" s="156" t="s">
        <v>690</v>
      </c>
      <c r="B290" s="104" t="s">
        <v>691</v>
      </c>
      <c r="C290" s="167" t="s">
        <v>692</v>
      </c>
      <c r="D290" s="167" t="s">
        <v>693</v>
      </c>
      <c r="G290" s="52"/>
      <c r="H290" s="128"/>
      <c r="I290" s="104"/>
      <c r="J290" s="51"/>
      <c r="K290" s="51"/>
      <c r="L290" s="52"/>
      <c r="M290" s="114"/>
      <c r="N290" s="52"/>
    </row>
    <row r="291" spans="1:14" x14ac:dyDescent="0.3">
      <c r="A291" s="156" t="s">
        <v>694</v>
      </c>
      <c r="B291" s="104" t="s">
        <v>695</v>
      </c>
      <c r="C291" s="167" t="s">
        <v>696</v>
      </c>
      <c r="D291" s="51" t="str">
        <f ca="1">IF(ISREF(INDIRECT("'B2. HTT Public Sector Assets'!A1")),ROW('B2. HTT Public Sector Assets'!B48)&amp; " for Public Sector Assets","")</f>
        <v>48 for Public Sector Assets</v>
      </c>
      <c r="E291" s="52"/>
      <c r="F291" s="114"/>
      <c r="H291" s="128"/>
      <c r="I291" s="104"/>
      <c r="J291" s="51"/>
    </row>
    <row r="292" spans="1:14" x14ac:dyDescent="0.3">
      <c r="A292" s="156" t="s">
        <v>697</v>
      </c>
      <c r="B292" s="104" t="s">
        <v>698</v>
      </c>
      <c r="C292" s="167" t="s">
        <v>699</v>
      </c>
      <c r="D292" s="167" t="s">
        <v>700</v>
      </c>
      <c r="F292" s="167" t="s">
        <v>701</v>
      </c>
      <c r="G292" s="52"/>
      <c r="H292" s="128"/>
      <c r="I292" s="104"/>
      <c r="K292" s="51"/>
      <c r="L292" s="52"/>
      <c r="N292" s="52"/>
    </row>
    <row r="293" spans="1:14" x14ac:dyDescent="0.3">
      <c r="A293" s="156" t="s">
        <v>702</v>
      </c>
      <c r="B293" s="104" t="s">
        <v>703</v>
      </c>
      <c r="C293" s="167" t="s">
        <v>704</v>
      </c>
      <c r="D293" s="51" t="str">
        <f ca="1">IF(ISREF(INDIRECT("'B1. HTT Mortgage Assets'!A1")),ROW('B1. HTT Mortgage Assets'!B424 )&amp; " for Commercial Mortgage Assets","")</f>
        <v>424 for Commercial Mortgage Assets</v>
      </c>
      <c r="E293" s="52"/>
      <c r="F293" s="51" t="str">
        <f ca="1">IF(ISREF(INDIRECT("'B2. HTT Public Sector Assets'!A1")),ROW('B2. HTT Public Sector Assets'!B18)&amp; " for Public Sector Assets","")</f>
        <v>18 for Public Sector Assets</v>
      </c>
      <c r="G293" s="51" t="str">
        <f ca="1">IF(ISREF(INDIRECT("'B3. HTT Shipping Assets'!A1")),ROW('B3. HTT Shipping Assets'!B116)&amp; " for Shipping Assets","")</f>
        <v>116 for Shipping Assets</v>
      </c>
      <c r="H293" s="128"/>
      <c r="I293" s="104"/>
      <c r="M293" s="52"/>
    </row>
    <row r="294" spans="1:14" x14ac:dyDescent="0.3">
      <c r="A294" s="156" t="s">
        <v>705</v>
      </c>
      <c r="B294" s="104" t="s">
        <v>706</v>
      </c>
      <c r="C294" s="167" t="s">
        <v>707</v>
      </c>
      <c r="H294" s="128"/>
      <c r="I294" s="104"/>
      <c r="J294" s="51"/>
      <c r="M294" s="52"/>
    </row>
    <row r="295" spans="1:14" x14ac:dyDescent="0.3">
      <c r="A295" s="156" t="s">
        <v>708</v>
      </c>
      <c r="B295" s="104" t="s">
        <v>709</v>
      </c>
      <c r="C295" s="167" t="s">
        <v>710</v>
      </c>
      <c r="D295" s="51" t="str">
        <f ca="1">IF(ISREF(INDIRECT("'B2. HTT Public Sector Assets'!A1")),ROW('B2. HTT Public Sector Assets'!B129)&amp;" for Public Sector Assets","")</f>
        <v>129 for Public Sector Assets</v>
      </c>
      <c r="F295" s="51" t="str">
        <f ca="1">IF(ISREF(INDIRECT("'B3. HTT Shipping Assets'!A1")),ROW('B3. HTT Shipping Assets'!D80)&amp;" for Shipping Assets","")</f>
        <v>80 for Shipping Assets</v>
      </c>
      <c r="H295" s="128"/>
      <c r="I295" s="104"/>
      <c r="J295" s="51"/>
      <c r="L295" s="52"/>
      <c r="M295" s="52"/>
    </row>
    <row r="296" spans="1:14" x14ac:dyDescent="0.3">
      <c r="A296" s="156" t="s">
        <v>711</v>
      </c>
      <c r="B296" s="104" t="s">
        <v>712</v>
      </c>
      <c r="C296" s="167" t="s">
        <v>713</v>
      </c>
      <c r="F296" s="52"/>
      <c r="H296" s="128"/>
      <c r="I296" s="104"/>
      <c r="J296" s="51"/>
      <c r="L296" s="52"/>
      <c r="M296" s="52"/>
    </row>
    <row r="297" spans="1:14" x14ac:dyDescent="0.3">
      <c r="A297" s="156" t="s">
        <v>714</v>
      </c>
      <c r="B297" s="104" t="s">
        <v>715</v>
      </c>
      <c r="C297" s="167" t="s">
        <v>716</v>
      </c>
      <c r="E297" s="52"/>
      <c r="F297" s="52"/>
      <c r="H297" s="128"/>
      <c r="J297" s="51"/>
      <c r="L297" s="52"/>
    </row>
    <row r="298" spans="1:14" x14ac:dyDescent="0.3">
      <c r="A298" s="156" t="s">
        <v>717</v>
      </c>
      <c r="B298" s="104" t="s">
        <v>718</v>
      </c>
      <c r="C298" s="167" t="s">
        <v>719</v>
      </c>
      <c r="E298" s="52"/>
      <c r="F298" s="52"/>
      <c r="H298" s="128"/>
      <c r="I298" s="104"/>
      <c r="J298" s="51"/>
      <c r="L298" s="52"/>
    </row>
    <row r="299" spans="1:14" x14ac:dyDescent="0.3">
      <c r="A299" s="156" t="s">
        <v>720</v>
      </c>
      <c r="B299" s="104" t="s">
        <v>721</v>
      </c>
      <c r="C299" s="167" t="s">
        <v>722</v>
      </c>
      <c r="E299" s="52"/>
      <c r="H299" s="128"/>
      <c r="I299" s="104"/>
      <c r="J299" s="156" t="s">
        <v>723</v>
      </c>
      <c r="L299" s="52"/>
    </row>
    <row r="300" spans="1:14" x14ac:dyDescent="0.3">
      <c r="A300" s="156" t="s">
        <v>724</v>
      </c>
      <c r="B300" s="104" t="s">
        <v>725</v>
      </c>
      <c r="C300" s="167" t="s">
        <v>726</v>
      </c>
      <c r="D300" s="167" t="s">
        <v>727</v>
      </c>
      <c r="E300" s="52"/>
      <c r="H300" s="128"/>
      <c r="I300" s="104"/>
      <c r="J300" s="156" t="s">
        <v>728</v>
      </c>
      <c r="K300" s="51"/>
      <c r="L300" s="52"/>
    </row>
    <row r="301" spans="1:14" outlineLevel="1" x14ac:dyDescent="0.3">
      <c r="A301" s="156" t="s">
        <v>729</v>
      </c>
      <c r="B301" s="104" t="s">
        <v>730</v>
      </c>
      <c r="C301" s="51" t="s">
        <v>731</v>
      </c>
      <c r="H301" s="128"/>
      <c r="I301" s="104"/>
      <c r="J301" s="156" t="s">
        <v>732</v>
      </c>
      <c r="K301" s="51"/>
      <c r="L301" s="52"/>
    </row>
    <row r="302" spans="1:14" outlineLevel="1" x14ac:dyDescent="0.3">
      <c r="A302" s="156" t="s">
        <v>733</v>
      </c>
      <c r="B302" s="104" t="s">
        <v>734</v>
      </c>
      <c r="C302" s="51" t="str">
        <f>ROW('C. HTT Harmonised Glossary'!B18)&amp;" for Harmonised Glossary"</f>
        <v>18 for Harmonised Glossary</v>
      </c>
      <c r="H302" s="128"/>
      <c r="I302" s="104"/>
      <c r="J302" s="156" t="s">
        <v>735</v>
      </c>
      <c r="K302" s="51"/>
      <c r="L302" s="52"/>
    </row>
    <row r="303" spans="1:14" outlineLevel="1" x14ac:dyDescent="0.3">
      <c r="A303" s="156" t="s">
        <v>736</v>
      </c>
      <c r="B303" s="104" t="s">
        <v>737</v>
      </c>
      <c r="C303" s="51">
        <f>ROW(B65)</f>
        <v>65</v>
      </c>
      <c r="H303" s="128"/>
      <c r="I303" s="104"/>
      <c r="J303" s="51"/>
      <c r="K303" s="51"/>
      <c r="L303" s="52"/>
    </row>
    <row r="304" spans="1:14" outlineLevel="1" x14ac:dyDescent="0.3">
      <c r="A304" s="156" t="s">
        <v>738</v>
      </c>
      <c r="B304" s="104" t="s">
        <v>739</v>
      </c>
      <c r="C304" s="51">
        <f>ROW(B88)</f>
        <v>88</v>
      </c>
      <c r="H304" s="128"/>
      <c r="I304" s="104"/>
      <c r="J304" s="51"/>
      <c r="K304" s="51"/>
      <c r="L304" s="52"/>
    </row>
    <row r="305" spans="1:14" outlineLevel="1" x14ac:dyDescent="0.3">
      <c r="A305" s="156" t="s">
        <v>740</v>
      </c>
      <c r="B305" s="104" t="s">
        <v>741</v>
      </c>
      <c r="C305" s="51" t="s">
        <v>742</v>
      </c>
      <c r="E305" s="52"/>
      <c r="H305" s="128"/>
      <c r="I305" s="104"/>
      <c r="J305" s="51"/>
      <c r="K305" s="51"/>
      <c r="L305" s="52"/>
      <c r="N305" s="140"/>
    </row>
    <row r="306" spans="1:14" outlineLevel="1" x14ac:dyDescent="0.3">
      <c r="A306" s="156" t="s">
        <v>743</v>
      </c>
      <c r="B306" s="104" t="s">
        <v>744</v>
      </c>
      <c r="C306" s="51">
        <v>44</v>
      </c>
      <c r="E306" s="52"/>
      <c r="H306" s="128"/>
      <c r="I306" s="104"/>
      <c r="J306" s="51"/>
      <c r="K306" s="51"/>
      <c r="L306" s="52"/>
      <c r="N306" s="140"/>
    </row>
    <row r="307" spans="1:14" outlineLevel="1" x14ac:dyDescent="0.3">
      <c r="A307" s="156" t="s">
        <v>745</v>
      </c>
      <c r="B307" s="104" t="s">
        <v>746</v>
      </c>
      <c r="C307" s="51" t="str">
        <f ca="1">IF(ISREF(INDIRECT("'B1. HTT Mortgage Assets'!A1")),ROW('B1. HTT Mortgage Assets'!B179)&amp; " for Mortgage Assets","")</f>
        <v>179 for Mortgage Assets</v>
      </c>
      <c r="D307" s="51" t="str">
        <f ca="1">IF(ISREF(INDIRECT("'B2. HTT Public Sector Assets'!A1")),ROW('B2. HTT Public Sector Assets'!B166)&amp; " for Public Sector Assets","")</f>
        <v>166 for Public Sector Assets</v>
      </c>
      <c r="E307" s="52"/>
      <c r="F307" s="51" t="str">
        <f ca="1">IF(ISREF(INDIRECT("'B3. HTT Shipping Assets'!A1")),ROW('B3. HTT Shipping Assets'!D110)&amp; " for Shipping Assets","")</f>
        <v>110 for Shipping Assets</v>
      </c>
      <c r="H307" s="128"/>
      <c r="I307" s="104"/>
      <c r="J307" s="51"/>
      <c r="K307" s="51"/>
      <c r="L307" s="52"/>
      <c r="N307" s="140"/>
    </row>
    <row r="308" spans="1:14" outlineLevel="1" x14ac:dyDescent="0.3">
      <c r="A308" s="156" t="s">
        <v>747</v>
      </c>
      <c r="B308" s="104"/>
      <c r="E308" s="52"/>
      <c r="H308" s="128"/>
      <c r="I308" s="104"/>
      <c r="J308" s="51"/>
      <c r="K308" s="51"/>
      <c r="L308" s="52"/>
      <c r="N308" s="140"/>
    </row>
    <row r="309" spans="1:14" outlineLevel="1" x14ac:dyDescent="0.3">
      <c r="A309" s="156" t="s">
        <v>748</v>
      </c>
      <c r="E309" s="52"/>
      <c r="H309" s="128"/>
      <c r="I309" s="104"/>
      <c r="J309" s="51"/>
      <c r="K309" s="51"/>
      <c r="L309" s="52"/>
      <c r="N309" s="140"/>
    </row>
    <row r="310" spans="1:14" outlineLevel="1" x14ac:dyDescent="0.3">
      <c r="A310" s="156" t="s">
        <v>749</v>
      </c>
      <c r="H310" s="128"/>
      <c r="N310" s="140"/>
    </row>
    <row r="311" spans="1:14" ht="37.5" customHeight="1" x14ac:dyDescent="0.3">
      <c r="A311" s="77"/>
      <c r="B311" s="163" t="s">
        <v>281</v>
      </c>
      <c r="C311" s="77"/>
      <c r="D311" s="77"/>
      <c r="E311" s="77"/>
      <c r="F311" s="77"/>
      <c r="G311" s="78"/>
      <c r="H311" s="128"/>
      <c r="I311" s="101"/>
      <c r="J311" s="145"/>
      <c r="K311" s="145"/>
      <c r="L311" s="145"/>
      <c r="M311" s="145"/>
      <c r="N311" s="140"/>
    </row>
    <row r="312" spans="1:14" x14ac:dyDescent="0.3">
      <c r="A312" s="156" t="s">
        <v>750</v>
      </c>
      <c r="B312" s="40" t="s">
        <v>751</v>
      </c>
      <c r="C312" s="167" t="s">
        <v>752</v>
      </c>
      <c r="H312" s="128"/>
      <c r="I312" s="40"/>
      <c r="J312" s="51"/>
      <c r="N312" s="140"/>
    </row>
    <row r="313" spans="1:14" outlineLevel="1" x14ac:dyDescent="0.3">
      <c r="A313" s="156" t="s">
        <v>753</v>
      </c>
      <c r="B313" s="40" t="s">
        <v>754</v>
      </c>
      <c r="C313" s="166"/>
      <c r="H313" s="128"/>
      <c r="I313" s="40"/>
      <c r="J313" s="51"/>
      <c r="N313" s="140"/>
    </row>
    <row r="314" spans="1:14" outlineLevel="1" x14ac:dyDescent="0.3">
      <c r="A314" s="156" t="s">
        <v>755</v>
      </c>
      <c r="B314" s="40" t="s">
        <v>756</v>
      </c>
      <c r="C314" s="166"/>
      <c r="H314" s="128"/>
      <c r="I314" s="40"/>
      <c r="J314" s="51"/>
      <c r="N314" s="140"/>
    </row>
    <row r="315" spans="1:14" outlineLevel="1" x14ac:dyDescent="0.3">
      <c r="A315" s="156" t="s">
        <v>757</v>
      </c>
      <c r="B315" s="40"/>
      <c r="C315" s="51"/>
      <c r="H315" s="128"/>
      <c r="I315" s="40"/>
      <c r="J315" s="51"/>
      <c r="N315" s="140"/>
    </row>
    <row r="316" spans="1:14" outlineLevel="1" x14ac:dyDescent="0.3">
      <c r="A316" s="156" t="s">
        <v>758</v>
      </c>
      <c r="B316" s="40"/>
      <c r="C316" s="51"/>
      <c r="H316" s="128"/>
      <c r="I316" s="40"/>
      <c r="J316" s="51"/>
      <c r="N316" s="140"/>
    </row>
    <row r="317" spans="1:14" outlineLevel="1" x14ac:dyDescent="0.3">
      <c r="A317" s="156" t="s">
        <v>759</v>
      </c>
      <c r="B317" s="40"/>
      <c r="C317" s="51"/>
      <c r="H317" s="128"/>
      <c r="I317" s="40"/>
      <c r="J317" s="51"/>
      <c r="N317" s="140"/>
    </row>
    <row r="318" spans="1:14" outlineLevel="1" x14ac:dyDescent="0.3">
      <c r="A318" s="156" t="s">
        <v>760</v>
      </c>
      <c r="B318" s="40"/>
      <c r="C318" s="51"/>
      <c r="H318" s="128"/>
      <c r="I318" s="40"/>
      <c r="J318" s="51"/>
      <c r="N318" s="140"/>
    </row>
    <row r="319" spans="1:14" ht="18.75" customHeight="1" x14ac:dyDescent="0.3">
      <c r="A319" s="77"/>
      <c r="B319" s="163" t="s">
        <v>282</v>
      </c>
      <c r="C319" s="77"/>
      <c r="D319" s="77"/>
      <c r="E319" s="77"/>
      <c r="F319" s="77"/>
      <c r="G319" s="78"/>
      <c r="H319" s="128"/>
      <c r="I319" s="101"/>
      <c r="J319" s="145"/>
      <c r="K319" s="145"/>
      <c r="L319" s="145"/>
      <c r="M319" s="145"/>
      <c r="N319" s="140"/>
    </row>
    <row r="320" spans="1:14" ht="15" customHeight="1" outlineLevel="1" x14ac:dyDescent="0.3">
      <c r="A320" s="103"/>
      <c r="B320" s="79" t="s">
        <v>761</v>
      </c>
      <c r="C320" s="103"/>
      <c r="D320" s="103"/>
      <c r="E320" s="81"/>
      <c r="F320" s="80"/>
      <c r="G320" s="80"/>
      <c r="H320" s="128"/>
      <c r="L320" s="128"/>
      <c r="M320" s="128"/>
      <c r="N320" s="140"/>
    </row>
    <row r="321" spans="1:14" outlineLevel="1" x14ac:dyDescent="0.3">
      <c r="A321" s="156" t="s">
        <v>762</v>
      </c>
      <c r="B321" s="104" t="s">
        <v>763</v>
      </c>
      <c r="C321" s="104"/>
      <c r="H321" s="128"/>
      <c r="I321" s="140"/>
      <c r="J321" s="140"/>
      <c r="K321" s="140"/>
      <c r="L321" s="140"/>
      <c r="M321" s="140"/>
      <c r="N321" s="140"/>
    </row>
    <row r="322" spans="1:14" outlineLevel="1" x14ac:dyDescent="0.3">
      <c r="A322" s="156" t="s">
        <v>764</v>
      </c>
      <c r="B322" s="104" t="s">
        <v>765</v>
      </c>
      <c r="C322" s="104"/>
      <c r="H322" s="128"/>
      <c r="I322" s="140"/>
      <c r="J322" s="140"/>
      <c r="K322" s="140"/>
      <c r="L322" s="140"/>
      <c r="M322" s="140"/>
      <c r="N322" s="140"/>
    </row>
    <row r="323" spans="1:14" outlineLevel="1" x14ac:dyDescent="0.3">
      <c r="A323" s="156" t="s">
        <v>766</v>
      </c>
      <c r="B323" s="104" t="s">
        <v>767</v>
      </c>
      <c r="C323" s="104"/>
      <c r="H323" s="128"/>
      <c r="I323" s="140"/>
      <c r="J323" s="140"/>
      <c r="K323" s="140"/>
      <c r="L323" s="140"/>
      <c r="M323" s="140"/>
      <c r="N323" s="140"/>
    </row>
    <row r="324" spans="1:14" outlineLevel="1" x14ac:dyDescent="0.3">
      <c r="A324" s="156" t="s">
        <v>768</v>
      </c>
      <c r="B324" s="104" t="s">
        <v>769</v>
      </c>
      <c r="H324" s="128"/>
      <c r="I324" s="140"/>
      <c r="J324" s="140"/>
      <c r="K324" s="140"/>
      <c r="L324" s="140"/>
      <c r="M324" s="140"/>
      <c r="N324" s="140"/>
    </row>
    <row r="325" spans="1:14" outlineLevel="1" x14ac:dyDescent="0.3">
      <c r="A325" s="156" t="s">
        <v>770</v>
      </c>
      <c r="B325" s="104" t="s">
        <v>771</v>
      </c>
      <c r="H325" s="128"/>
      <c r="I325" s="140"/>
      <c r="J325" s="140"/>
      <c r="K325" s="140"/>
      <c r="L325" s="140"/>
      <c r="M325" s="140"/>
      <c r="N325" s="140"/>
    </row>
    <row r="326" spans="1:14" outlineLevel="1" x14ac:dyDescent="0.3">
      <c r="A326" s="156" t="s">
        <v>772</v>
      </c>
      <c r="B326" s="104" t="s">
        <v>773</v>
      </c>
      <c r="H326" s="128"/>
      <c r="I326" s="140"/>
      <c r="J326" s="140"/>
      <c r="K326" s="140"/>
      <c r="L326" s="140"/>
      <c r="M326" s="140"/>
      <c r="N326" s="140"/>
    </row>
    <row r="327" spans="1:14" outlineLevel="1" x14ac:dyDescent="0.3">
      <c r="A327" s="156" t="s">
        <v>774</v>
      </c>
      <c r="B327" s="104" t="s">
        <v>775</v>
      </c>
      <c r="H327" s="128"/>
      <c r="I327" s="140"/>
      <c r="J327" s="140"/>
      <c r="K327" s="140"/>
      <c r="L327" s="140"/>
      <c r="M327" s="140"/>
      <c r="N327" s="140"/>
    </row>
    <row r="328" spans="1:14" outlineLevel="1" x14ac:dyDescent="0.3">
      <c r="A328" s="156" t="s">
        <v>776</v>
      </c>
      <c r="B328" s="104" t="s">
        <v>777</v>
      </c>
      <c r="H328" s="128"/>
      <c r="I328" s="140"/>
      <c r="J328" s="140"/>
      <c r="K328" s="140"/>
      <c r="L328" s="140"/>
      <c r="M328" s="140"/>
      <c r="N328" s="140"/>
    </row>
    <row r="329" spans="1:14" outlineLevel="1" x14ac:dyDescent="0.3">
      <c r="A329" s="156" t="s">
        <v>778</v>
      </c>
      <c r="B329" s="104" t="s">
        <v>779</v>
      </c>
      <c r="H329" s="128"/>
      <c r="I329" s="140"/>
      <c r="J329" s="140"/>
      <c r="K329" s="140"/>
      <c r="L329" s="140"/>
      <c r="M329" s="140"/>
      <c r="N329" s="140"/>
    </row>
    <row r="330" spans="1:14" outlineLevel="1" x14ac:dyDescent="0.3">
      <c r="A330" s="156" t="s">
        <v>780</v>
      </c>
      <c r="B330" s="106" t="s">
        <v>781</v>
      </c>
      <c r="H330" s="128"/>
      <c r="I330" s="140"/>
      <c r="J330" s="140"/>
      <c r="K330" s="140"/>
      <c r="L330" s="140"/>
      <c r="M330" s="140"/>
      <c r="N330" s="140"/>
    </row>
    <row r="331" spans="1:14" outlineLevel="1" x14ac:dyDescent="0.3">
      <c r="A331" s="156" t="s">
        <v>782</v>
      </c>
      <c r="B331" s="106" t="s">
        <v>781</v>
      </c>
      <c r="H331" s="128"/>
      <c r="I331" s="140"/>
      <c r="J331" s="140"/>
      <c r="K331" s="140"/>
      <c r="L331" s="140"/>
      <c r="M331" s="140"/>
      <c r="N331" s="140"/>
    </row>
    <row r="332" spans="1:14" outlineLevel="1" x14ac:dyDescent="0.3">
      <c r="A332" s="156" t="s">
        <v>783</v>
      </c>
      <c r="B332" s="106" t="s">
        <v>781</v>
      </c>
      <c r="H332" s="128"/>
      <c r="I332" s="140"/>
      <c r="J332" s="140"/>
      <c r="K332" s="140"/>
      <c r="L332" s="140"/>
      <c r="M332" s="140"/>
      <c r="N332" s="140"/>
    </row>
    <row r="333" spans="1:14" outlineLevel="1" x14ac:dyDescent="0.3">
      <c r="A333" s="156" t="s">
        <v>784</v>
      </c>
      <c r="B333" s="106" t="s">
        <v>781</v>
      </c>
      <c r="H333" s="128"/>
      <c r="I333" s="140"/>
      <c r="J333" s="140"/>
      <c r="K333" s="140"/>
      <c r="L333" s="140"/>
      <c r="M333" s="140"/>
      <c r="N333" s="140"/>
    </row>
    <row r="334" spans="1:14" outlineLevel="1" x14ac:dyDescent="0.3">
      <c r="A334" s="156" t="s">
        <v>785</v>
      </c>
      <c r="B334" s="106" t="s">
        <v>781</v>
      </c>
      <c r="H334" s="128"/>
      <c r="I334" s="140"/>
      <c r="J334" s="140"/>
      <c r="K334" s="140"/>
      <c r="L334" s="140"/>
      <c r="M334" s="140"/>
      <c r="N334" s="140"/>
    </row>
    <row r="335" spans="1:14" outlineLevel="1" x14ac:dyDescent="0.3">
      <c r="A335" s="156" t="s">
        <v>786</v>
      </c>
      <c r="B335" s="106" t="s">
        <v>781</v>
      </c>
      <c r="H335" s="128"/>
      <c r="I335" s="140"/>
      <c r="J335" s="140"/>
      <c r="K335" s="140"/>
      <c r="L335" s="140"/>
      <c r="M335" s="140"/>
      <c r="N335" s="140"/>
    </row>
    <row r="336" spans="1:14" outlineLevel="1" x14ac:dyDescent="0.3">
      <c r="A336" s="156" t="s">
        <v>787</v>
      </c>
      <c r="B336" s="106" t="s">
        <v>781</v>
      </c>
      <c r="H336" s="128"/>
      <c r="I336" s="140"/>
      <c r="J336" s="140"/>
      <c r="K336" s="140"/>
      <c r="L336" s="140"/>
      <c r="M336" s="140"/>
      <c r="N336" s="140"/>
    </row>
    <row r="337" spans="1:14" outlineLevel="1" x14ac:dyDescent="0.3">
      <c r="A337" s="156" t="s">
        <v>788</v>
      </c>
      <c r="B337" s="106" t="s">
        <v>781</v>
      </c>
      <c r="H337" s="128"/>
      <c r="I337" s="140"/>
      <c r="J337" s="140"/>
      <c r="K337" s="140"/>
      <c r="L337" s="140"/>
      <c r="M337" s="140"/>
      <c r="N337" s="140"/>
    </row>
    <row r="338" spans="1:14" outlineLevel="1" x14ac:dyDescent="0.3">
      <c r="A338" s="156" t="s">
        <v>789</v>
      </c>
      <c r="B338" s="106" t="s">
        <v>781</v>
      </c>
      <c r="H338" s="128"/>
      <c r="I338" s="140"/>
      <c r="J338" s="140"/>
      <c r="K338" s="140"/>
      <c r="L338" s="140"/>
      <c r="M338" s="140"/>
      <c r="N338" s="140"/>
    </row>
    <row r="339" spans="1:14" outlineLevel="1" x14ac:dyDescent="0.3">
      <c r="A339" s="156" t="s">
        <v>790</v>
      </c>
      <c r="B339" s="106" t="s">
        <v>781</v>
      </c>
      <c r="H339" s="128"/>
      <c r="I339" s="140"/>
      <c r="J339" s="140"/>
      <c r="K339" s="140"/>
      <c r="L339" s="140"/>
      <c r="M339" s="140"/>
      <c r="N339" s="140"/>
    </row>
    <row r="340" spans="1:14" outlineLevel="1" x14ac:dyDescent="0.3">
      <c r="A340" s="156" t="s">
        <v>791</v>
      </c>
      <c r="B340" s="106" t="s">
        <v>781</v>
      </c>
      <c r="H340" s="128"/>
      <c r="I340" s="140"/>
      <c r="J340" s="140"/>
      <c r="K340" s="140"/>
      <c r="L340" s="140"/>
      <c r="M340" s="140"/>
      <c r="N340" s="140"/>
    </row>
    <row r="341" spans="1:14" outlineLevel="1" x14ac:dyDescent="0.3">
      <c r="A341" s="156" t="s">
        <v>792</v>
      </c>
      <c r="B341" s="106" t="s">
        <v>781</v>
      </c>
      <c r="H341" s="128"/>
      <c r="I341" s="140"/>
      <c r="J341" s="140"/>
      <c r="K341" s="140"/>
      <c r="L341" s="140"/>
      <c r="M341" s="140"/>
      <c r="N341" s="140"/>
    </row>
    <row r="342" spans="1:14" outlineLevel="1" x14ac:dyDescent="0.3">
      <c r="A342" s="156" t="s">
        <v>793</v>
      </c>
      <c r="B342" s="106" t="s">
        <v>781</v>
      </c>
      <c r="H342" s="128"/>
      <c r="I342" s="140"/>
      <c r="J342" s="140"/>
      <c r="K342" s="140"/>
      <c r="L342" s="140"/>
      <c r="M342" s="140"/>
      <c r="N342" s="140"/>
    </row>
    <row r="343" spans="1:14" outlineLevel="1" x14ac:dyDescent="0.3">
      <c r="A343" s="156" t="s">
        <v>794</v>
      </c>
      <c r="B343" s="106" t="s">
        <v>781</v>
      </c>
      <c r="H343" s="128"/>
      <c r="I343" s="140"/>
      <c r="J343" s="140"/>
      <c r="K343" s="140"/>
      <c r="L343" s="140"/>
      <c r="M343" s="140"/>
      <c r="N343" s="140"/>
    </row>
    <row r="344" spans="1:14" outlineLevel="1" x14ac:dyDescent="0.3">
      <c r="A344" s="156" t="s">
        <v>795</v>
      </c>
      <c r="B344" s="106" t="s">
        <v>781</v>
      </c>
      <c r="H344" s="128"/>
      <c r="I344" s="140"/>
      <c r="J344" s="140"/>
      <c r="K344" s="140"/>
      <c r="L344" s="140"/>
      <c r="M344" s="140"/>
      <c r="N344" s="140"/>
    </row>
    <row r="345" spans="1:14" outlineLevel="1" x14ac:dyDescent="0.3">
      <c r="A345" s="156" t="s">
        <v>796</v>
      </c>
      <c r="B345" s="106" t="s">
        <v>781</v>
      </c>
      <c r="H345" s="128"/>
      <c r="I345" s="140"/>
      <c r="J345" s="140"/>
      <c r="K345" s="140"/>
      <c r="L345" s="140"/>
      <c r="M345" s="140"/>
      <c r="N345" s="140"/>
    </row>
    <row r="346" spans="1:14" outlineLevel="1" x14ac:dyDescent="0.3">
      <c r="A346" s="156" t="s">
        <v>797</v>
      </c>
      <c r="B346" s="106" t="s">
        <v>781</v>
      </c>
      <c r="H346" s="128"/>
      <c r="I346" s="140"/>
      <c r="J346" s="140"/>
      <c r="K346" s="140"/>
      <c r="L346" s="140"/>
      <c r="M346" s="140"/>
      <c r="N346" s="140"/>
    </row>
    <row r="347" spans="1:14" outlineLevel="1" x14ac:dyDescent="0.3">
      <c r="A347" s="156" t="s">
        <v>798</v>
      </c>
      <c r="B347" s="106" t="s">
        <v>781</v>
      </c>
      <c r="H347" s="128"/>
      <c r="I347" s="140"/>
      <c r="J347" s="140"/>
      <c r="K347" s="140"/>
      <c r="L347" s="140"/>
      <c r="M347" s="140"/>
      <c r="N347" s="140"/>
    </row>
    <row r="348" spans="1:14" outlineLevel="1" x14ac:dyDescent="0.3">
      <c r="A348" s="156" t="s">
        <v>799</v>
      </c>
      <c r="B348" s="106" t="s">
        <v>781</v>
      </c>
      <c r="H348" s="128"/>
      <c r="I348" s="140"/>
      <c r="J348" s="140"/>
      <c r="K348" s="140"/>
      <c r="L348" s="140"/>
      <c r="M348" s="140"/>
      <c r="N348" s="140"/>
    </row>
    <row r="349" spans="1:14" outlineLevel="1" x14ac:dyDescent="0.3">
      <c r="A349" s="156" t="s">
        <v>800</v>
      </c>
      <c r="B349" s="106" t="s">
        <v>781</v>
      </c>
      <c r="H349" s="128"/>
      <c r="I349" s="140"/>
      <c r="J349" s="140"/>
      <c r="K349" s="140"/>
      <c r="L349" s="140"/>
      <c r="M349" s="140"/>
      <c r="N349" s="140"/>
    </row>
    <row r="350" spans="1:14" outlineLevel="1" x14ac:dyDescent="0.3">
      <c r="A350" s="156" t="s">
        <v>801</v>
      </c>
      <c r="B350" s="106" t="s">
        <v>781</v>
      </c>
      <c r="H350" s="128"/>
      <c r="I350" s="140"/>
      <c r="J350" s="140"/>
      <c r="K350" s="140"/>
      <c r="L350" s="140"/>
      <c r="M350" s="140"/>
      <c r="N350" s="140"/>
    </row>
    <row r="351" spans="1:14" outlineLevel="1" x14ac:dyDescent="0.3">
      <c r="A351" s="156" t="s">
        <v>802</v>
      </c>
      <c r="B351" s="106" t="s">
        <v>781</v>
      </c>
      <c r="H351" s="128"/>
      <c r="I351" s="140"/>
      <c r="J351" s="140"/>
      <c r="K351" s="140"/>
      <c r="L351" s="140"/>
      <c r="M351" s="140"/>
      <c r="N351" s="140"/>
    </row>
    <row r="352" spans="1:14" outlineLevel="1" x14ac:dyDescent="0.3">
      <c r="A352" s="156" t="s">
        <v>803</v>
      </c>
      <c r="B352" s="106" t="s">
        <v>781</v>
      </c>
      <c r="H352" s="128"/>
      <c r="I352" s="140"/>
      <c r="J352" s="140"/>
      <c r="K352" s="140"/>
      <c r="L352" s="140"/>
      <c r="M352" s="140"/>
      <c r="N352" s="140"/>
    </row>
    <row r="353" spans="1:14" outlineLevel="1" x14ac:dyDescent="0.3">
      <c r="A353" s="156" t="s">
        <v>804</v>
      </c>
      <c r="B353" s="106" t="s">
        <v>781</v>
      </c>
      <c r="H353" s="128"/>
      <c r="I353" s="140"/>
      <c r="J353" s="140"/>
      <c r="K353" s="140"/>
      <c r="L353" s="140"/>
      <c r="M353" s="140"/>
      <c r="N353" s="140"/>
    </row>
    <row r="354" spans="1:14" outlineLevel="1" x14ac:dyDescent="0.3">
      <c r="A354" s="156" t="s">
        <v>805</v>
      </c>
      <c r="B354" s="106" t="s">
        <v>781</v>
      </c>
      <c r="H354" s="128"/>
      <c r="I354" s="140"/>
      <c r="J354" s="140"/>
      <c r="K354" s="140"/>
      <c r="L354" s="140"/>
      <c r="M354" s="140"/>
      <c r="N354" s="140"/>
    </row>
    <row r="355" spans="1:14" outlineLevel="1" x14ac:dyDescent="0.3">
      <c r="A355" s="156" t="s">
        <v>806</v>
      </c>
      <c r="B355" s="106" t="s">
        <v>781</v>
      </c>
      <c r="H355" s="128"/>
      <c r="I355" s="140"/>
      <c r="J355" s="140"/>
      <c r="K355" s="140"/>
      <c r="L355" s="140"/>
      <c r="M355" s="140"/>
      <c r="N355" s="140"/>
    </row>
    <row r="356" spans="1:14" outlineLevel="1" x14ac:dyDescent="0.3">
      <c r="A356" s="156" t="s">
        <v>807</v>
      </c>
      <c r="B356" s="106" t="s">
        <v>781</v>
      </c>
      <c r="H356" s="128"/>
      <c r="I356" s="140"/>
      <c r="J356" s="140"/>
      <c r="K356" s="140"/>
      <c r="L356" s="140"/>
      <c r="M356" s="140"/>
      <c r="N356" s="140"/>
    </row>
    <row r="357" spans="1:14" outlineLevel="1" x14ac:dyDescent="0.3">
      <c r="A357" s="156" t="s">
        <v>808</v>
      </c>
      <c r="B357" s="106" t="s">
        <v>781</v>
      </c>
      <c r="H357" s="128"/>
      <c r="I357" s="140"/>
      <c r="J357" s="140"/>
      <c r="K357" s="140"/>
      <c r="L357" s="140"/>
      <c r="M357" s="140"/>
      <c r="N357" s="140"/>
    </row>
    <row r="358" spans="1:14" outlineLevel="1" x14ac:dyDescent="0.3">
      <c r="A358" s="156" t="s">
        <v>809</v>
      </c>
      <c r="B358" s="106" t="s">
        <v>781</v>
      </c>
      <c r="H358" s="128"/>
      <c r="I358" s="140"/>
      <c r="J358" s="140"/>
      <c r="K358" s="140"/>
      <c r="L358" s="140"/>
      <c r="M358" s="140"/>
      <c r="N358" s="140"/>
    </row>
    <row r="359" spans="1:14" outlineLevel="1" x14ac:dyDescent="0.3">
      <c r="A359" s="156" t="s">
        <v>810</v>
      </c>
      <c r="B359" s="106" t="s">
        <v>781</v>
      </c>
      <c r="H359" s="128"/>
      <c r="I359" s="140"/>
      <c r="J359" s="140"/>
      <c r="K359" s="140"/>
      <c r="L359" s="140"/>
      <c r="M359" s="140"/>
      <c r="N359" s="140"/>
    </row>
    <row r="360" spans="1:14" outlineLevel="1" x14ac:dyDescent="0.3">
      <c r="A360" s="156" t="s">
        <v>811</v>
      </c>
      <c r="B360" s="106" t="s">
        <v>781</v>
      </c>
      <c r="H360" s="128"/>
      <c r="I360" s="140"/>
      <c r="J360" s="140"/>
      <c r="K360" s="140"/>
      <c r="L360" s="140"/>
      <c r="M360" s="140"/>
      <c r="N360" s="140"/>
    </row>
    <row r="361" spans="1:14" outlineLevel="1" x14ac:dyDescent="0.3">
      <c r="A361" s="156" t="s">
        <v>812</v>
      </c>
      <c r="B361" s="106" t="s">
        <v>781</v>
      </c>
      <c r="H361" s="128"/>
      <c r="I361" s="140"/>
      <c r="J361" s="140"/>
      <c r="K361" s="140"/>
      <c r="L361" s="140"/>
      <c r="M361" s="140"/>
      <c r="N361" s="140"/>
    </row>
    <row r="362" spans="1:14" outlineLevel="1" x14ac:dyDescent="0.3">
      <c r="A362" s="156" t="s">
        <v>813</v>
      </c>
      <c r="B362" s="106" t="s">
        <v>781</v>
      </c>
      <c r="H362" s="128"/>
      <c r="I362" s="140"/>
      <c r="J362" s="140"/>
      <c r="K362" s="140"/>
      <c r="L362" s="140"/>
      <c r="M362" s="140"/>
      <c r="N362" s="140"/>
    </row>
    <row r="363" spans="1:14" outlineLevel="1" x14ac:dyDescent="0.3">
      <c r="A363" s="156" t="s">
        <v>814</v>
      </c>
      <c r="B363" s="106" t="s">
        <v>781</v>
      </c>
      <c r="H363" s="128"/>
      <c r="I363" s="140"/>
      <c r="J363" s="140"/>
      <c r="K363" s="140"/>
      <c r="L363" s="140"/>
      <c r="M363" s="140"/>
      <c r="N363" s="140"/>
    </row>
    <row r="364" spans="1:14" outlineLevel="1" x14ac:dyDescent="0.3">
      <c r="A364" s="156" t="s">
        <v>815</v>
      </c>
      <c r="B364" s="106" t="s">
        <v>781</v>
      </c>
      <c r="H364" s="128"/>
      <c r="I364" s="140"/>
      <c r="J364" s="140"/>
      <c r="K364" s="140"/>
      <c r="L364" s="140"/>
      <c r="M364" s="140"/>
      <c r="N364" s="140"/>
    </row>
    <row r="365" spans="1:14" outlineLevel="1" x14ac:dyDescent="0.3">
      <c r="A365" s="156" t="s">
        <v>816</v>
      </c>
      <c r="B365" s="106" t="s">
        <v>781</v>
      </c>
      <c r="H365" s="128"/>
      <c r="I365" s="140"/>
      <c r="J365" s="140"/>
      <c r="K365" s="140"/>
      <c r="L365" s="140"/>
      <c r="M365" s="140"/>
      <c r="N365" s="140"/>
    </row>
    <row r="366" spans="1:14" x14ac:dyDescent="0.3">
      <c r="H366" s="128"/>
      <c r="I366" s="140"/>
      <c r="J366" s="140"/>
      <c r="K366" s="140"/>
      <c r="L366" s="140"/>
      <c r="M366" s="140"/>
      <c r="N366" s="140"/>
    </row>
    <row r="367" spans="1:14" x14ac:dyDescent="0.3">
      <c r="H367" s="128"/>
      <c r="I367" s="140"/>
      <c r="J367" s="140"/>
      <c r="K367" s="140"/>
      <c r="L367" s="140"/>
      <c r="M367" s="140"/>
      <c r="N367" s="140"/>
    </row>
    <row r="368" spans="1:14" x14ac:dyDescent="0.3">
      <c r="H368" s="128"/>
      <c r="I368" s="140"/>
      <c r="J368" s="140"/>
      <c r="K368" s="140"/>
      <c r="L368" s="140"/>
      <c r="M368" s="140"/>
      <c r="N368" s="140"/>
    </row>
    <row r="369" spans="8:8" s="140" customFormat="1" x14ac:dyDescent="0.3">
      <c r="H369" s="128"/>
    </row>
    <row r="370" spans="8:8" s="140" customFormat="1" x14ac:dyDescent="0.3">
      <c r="H370" s="128"/>
    </row>
    <row r="371" spans="8:8" s="140" customFormat="1" x14ac:dyDescent="0.3">
      <c r="H371" s="128"/>
    </row>
    <row r="372" spans="8:8" s="140" customFormat="1" x14ac:dyDescent="0.3">
      <c r="H372" s="128"/>
    </row>
    <row r="373" spans="8:8" s="140" customFormat="1" x14ac:dyDescent="0.3">
      <c r="H373" s="128"/>
    </row>
    <row r="374" spans="8:8" s="140" customFormat="1" x14ac:dyDescent="0.3">
      <c r="H374" s="128"/>
    </row>
    <row r="375" spans="8:8" s="140" customFormat="1" x14ac:dyDescent="0.3">
      <c r="H375" s="128"/>
    </row>
    <row r="376" spans="8:8" s="140" customFormat="1" x14ac:dyDescent="0.3">
      <c r="H376" s="128"/>
    </row>
    <row r="377" spans="8:8" s="140" customFormat="1" x14ac:dyDescent="0.3">
      <c r="H377" s="128"/>
    </row>
    <row r="378" spans="8:8" s="140" customFormat="1" x14ac:dyDescent="0.3">
      <c r="H378" s="128"/>
    </row>
    <row r="379" spans="8:8" s="140" customFormat="1" x14ac:dyDescent="0.3">
      <c r="H379" s="128"/>
    </row>
    <row r="380" spans="8:8" s="140" customFormat="1" x14ac:dyDescent="0.3">
      <c r="H380" s="128"/>
    </row>
    <row r="381" spans="8:8" s="140" customFormat="1" x14ac:dyDescent="0.3">
      <c r="H381" s="128"/>
    </row>
    <row r="382" spans="8:8" s="140" customFormat="1" x14ac:dyDescent="0.3">
      <c r="H382" s="128"/>
    </row>
    <row r="383" spans="8:8" s="140" customFormat="1" x14ac:dyDescent="0.3">
      <c r="H383" s="128"/>
    </row>
    <row r="384" spans="8:8" s="140" customFormat="1" x14ac:dyDescent="0.3">
      <c r="H384" s="128"/>
    </row>
    <row r="385" spans="8:8" s="140" customFormat="1" x14ac:dyDescent="0.3">
      <c r="H385" s="128"/>
    </row>
    <row r="386" spans="8:8" s="140" customFormat="1" x14ac:dyDescent="0.3">
      <c r="H386" s="128"/>
    </row>
    <row r="387" spans="8:8" s="140" customFormat="1" x14ac:dyDescent="0.3">
      <c r="H387" s="128"/>
    </row>
    <row r="388" spans="8:8" s="140" customFormat="1" x14ac:dyDescent="0.3">
      <c r="H388" s="128"/>
    </row>
    <row r="389" spans="8:8" s="140" customFormat="1" x14ac:dyDescent="0.3">
      <c r="H389" s="128"/>
    </row>
    <row r="390" spans="8:8" s="140" customFormat="1" x14ac:dyDescent="0.3">
      <c r="H390" s="128"/>
    </row>
    <row r="391" spans="8:8" s="140" customFormat="1" x14ac:dyDescent="0.3">
      <c r="H391" s="128"/>
    </row>
    <row r="392" spans="8:8" s="140" customFormat="1" x14ac:dyDescent="0.3">
      <c r="H392" s="128"/>
    </row>
    <row r="393" spans="8:8" s="140" customFormat="1" x14ac:dyDescent="0.3">
      <c r="H393" s="128"/>
    </row>
    <row r="394" spans="8:8" s="140" customFormat="1" x14ac:dyDescent="0.3">
      <c r="H394" s="128"/>
    </row>
    <row r="395" spans="8:8" s="140" customFormat="1" x14ac:dyDescent="0.3">
      <c r="H395" s="128"/>
    </row>
    <row r="396" spans="8:8" s="140" customFormat="1" x14ac:dyDescent="0.3">
      <c r="H396" s="128"/>
    </row>
    <row r="397" spans="8:8" s="140" customFormat="1" x14ac:dyDescent="0.3">
      <c r="H397" s="128"/>
    </row>
    <row r="398" spans="8:8" s="140" customFormat="1" x14ac:dyDescent="0.3">
      <c r="H398" s="128"/>
    </row>
    <row r="399" spans="8:8" s="140" customFormat="1" x14ac:dyDescent="0.3">
      <c r="H399" s="128"/>
    </row>
    <row r="400" spans="8:8" s="140" customFormat="1" x14ac:dyDescent="0.3">
      <c r="H400" s="128"/>
    </row>
    <row r="401" spans="8:8" s="140" customFormat="1" x14ac:dyDescent="0.3">
      <c r="H401" s="128"/>
    </row>
    <row r="402" spans="8:8" s="140" customFormat="1" x14ac:dyDescent="0.3">
      <c r="H402" s="128"/>
    </row>
    <row r="403" spans="8:8" s="140" customFormat="1" x14ac:dyDescent="0.3">
      <c r="H403" s="128"/>
    </row>
    <row r="404" spans="8:8" s="140" customFormat="1" x14ac:dyDescent="0.3">
      <c r="H404" s="128"/>
    </row>
    <row r="405" spans="8:8" s="140" customFormat="1" x14ac:dyDescent="0.3">
      <c r="H405" s="128"/>
    </row>
    <row r="406" spans="8:8" s="140" customFormat="1" x14ac:dyDescent="0.3">
      <c r="H406" s="128"/>
    </row>
    <row r="407" spans="8:8" s="140" customFormat="1" x14ac:dyDescent="0.3">
      <c r="H407" s="128"/>
    </row>
    <row r="408" spans="8:8" s="140" customFormat="1" x14ac:dyDescent="0.3">
      <c r="H408" s="128"/>
    </row>
    <row r="409" spans="8:8" s="140" customFormat="1" x14ac:dyDescent="0.3">
      <c r="H409" s="128"/>
    </row>
    <row r="410" spans="8:8" s="140" customFormat="1" x14ac:dyDescent="0.3">
      <c r="H410" s="128"/>
    </row>
    <row r="411" spans="8:8" s="140" customFormat="1" x14ac:dyDescent="0.3">
      <c r="H411" s="128"/>
    </row>
    <row r="412" spans="8:8" s="140" customFormat="1" x14ac:dyDescent="0.3">
      <c r="H412" s="128"/>
    </row>
    <row r="413" spans="8:8" s="140" customFormat="1" x14ac:dyDescent="0.3">
      <c r="H413" s="128"/>
    </row>
  </sheetData>
  <dataValidations disablePrompts="1" count="2">
    <dataValidation type="list" allowBlank="1" showInputMessage="1" showErrorMessage="1" sqref="C299" xr:uid="{00000000-0002-0000-0400-000000000000}">
      <formula1>J299:J302</formula1>
    </dataValidation>
    <dataValidation type="list" allowBlank="1" showInputMessage="1" showErrorMessage="1" sqref="C28" xr:uid="{00000000-0002-0000-0400-000001000000}">
      <formula1>$M$28:$M$30</formula1>
    </dataValidation>
  </dataValidations>
  <hyperlinks>
    <hyperlink ref="B6" location="'A. HTT General'!B13" display="1. Basic Facts" xr:uid="{00000000-0004-0000-0400-000000000000}"/>
    <hyperlink ref="B7" r:id="rId1" location="'A. HTT General'!B26" xr:uid="{00000000-0004-0000-0400-000001000000}"/>
    <hyperlink ref="B8" r:id="rId2" location="'A. HTT General'!B36" xr:uid="{00000000-0004-0000-0400-000002000000}"/>
    <hyperlink ref="B9" r:id="rId3" location="'A. HTT General'!B285" xr:uid="{00000000-0004-0000-0400-000003000000}"/>
    <hyperlink ref="B10" r:id="rId4" location="'A. HTT General'!B311" xr:uid="{00000000-0004-0000-0400-000004000000}"/>
    <hyperlink ref="B11" r:id="rId5" location="'A. HTT General'!B319" xr:uid="{00000000-0004-0000-0400-000005000000}"/>
    <hyperlink ref="C16" r:id="rId6" xr:uid="{00000000-0004-0000-0400-000006000000}"/>
    <hyperlink ref="B27" r:id="rId7" xr:uid="{00000000-0004-0000-0400-000007000000}"/>
    <hyperlink ref="B28" r:id="rId8" xr:uid="{00000000-0004-0000-0400-000008000000}"/>
    <hyperlink ref="B29" r:id="rId9" xr:uid="{00000000-0004-0000-0400-000009000000}"/>
    <hyperlink ref="C29" r:id="rId10" xr:uid="{00000000-0004-0000-0400-00000A000000}"/>
    <hyperlink ref="B30" r:id="rId11" xr:uid="{00000000-0004-0000-0400-00000B000000}"/>
    <hyperlink ref="B44" location="'C. HTT Harmonised Glossary'!B6" display="2. Over-collateralisation (OC) " xr:uid="{00000000-0004-0000-0400-00000C000000}"/>
    <hyperlink ref="C229" r:id="rId12" xr:uid="{00000000-0004-0000-0400-00000D000000}"/>
    <hyperlink ref="C288" r:id="rId13" location="'A. HTT General'!B38" xr:uid="{00000000-0004-0000-0400-00000E000000}"/>
    <hyperlink ref="C289" r:id="rId14" location="'A. HTT General'!B39" xr:uid="{00000000-0004-0000-0400-00000F000000}"/>
    <hyperlink ref="C290" r:id="rId15" location="'B1. HTT Mortgage Assets'!B43" xr:uid="{00000000-0004-0000-0400-000010000000}"/>
    <hyperlink ref="D290" r:id="rId16" location="'B2. HTT Public Sector Assets'!B48" xr:uid="{00000000-0004-0000-0400-000011000000}"/>
    <hyperlink ref="C291" r:id="rId17" location="'A. HTT General'!A52" xr:uid="{00000000-0004-0000-0400-000012000000}"/>
    <hyperlink ref="D291" location="'B2. HTT Public Sector Assets'!B48" display="'B2. HTT Public Sector Assets'!B48" xr:uid="{00000000-0004-0000-0400-000013000000}"/>
    <hyperlink ref="C292" r:id="rId18" location="'B1. HTT Mortgage Assets'!B186" xr:uid="{00000000-0004-0000-0400-000014000000}"/>
    <hyperlink ref="D292" r:id="rId19" location="'B1. HTT Mortgage Assets'!B287" xr:uid="{00000000-0004-0000-0400-000015000000}"/>
    <hyperlink ref="F292" r:id="rId20" location="'B2. HTT Public Sector Assets'!B18" xr:uid="{00000000-0004-0000-0400-000016000000}"/>
    <hyperlink ref="C293" r:id="rId21" location="'B1. HTT Mortgage Assets'!B149" xr:uid="{00000000-0004-0000-0400-000017000000}"/>
    <hyperlink ref="D293" location="'B1. HTT Mortgage Assets'!B424" display="'B1. HTT Mortgage Assets'!B424" xr:uid="{00000000-0004-0000-0400-000018000000}"/>
    <hyperlink ref="F293" location="'B2. HTT Public Sector Assets'!A18" display="'B2. HTT Public Sector Assets'!A18" xr:uid="{00000000-0004-0000-0400-000019000000}"/>
    <hyperlink ref="G293" location="'B3. HTT Shipping Assets'!B116" display="'B3. HTT Shipping Assets'!B116" xr:uid="{00000000-0004-0000-0400-00001A000000}"/>
    <hyperlink ref="C294" r:id="rId22" location="'A. HTT General'!B111" xr:uid="{00000000-0004-0000-0400-00001B000000}"/>
    <hyperlink ref="C295" r:id="rId23" location="'A. HTT General'!B163" xr:uid="{00000000-0004-0000-0400-00001C000000}"/>
    <hyperlink ref="D295" location="'B2. HTT Public Sector Assets'!B129" display="'B2. HTT Public Sector Assets'!B129" xr:uid="{00000000-0004-0000-0400-00001D000000}"/>
    <hyperlink ref="F295" location="'B3. HTT Shipping Assets'!B80" display="'B3. HTT Shipping Assets'!B80" xr:uid="{00000000-0004-0000-0400-00001E000000}"/>
    <hyperlink ref="C296" r:id="rId24" location="'A. HTT General'!B137" xr:uid="{00000000-0004-0000-0400-00001F000000}"/>
    <hyperlink ref="C297" r:id="rId25" location="'C. HTT Harmonised Glossary'!C17" xr:uid="{00000000-0004-0000-0400-000020000000}"/>
    <hyperlink ref="C298" r:id="rId26" location="'A. HTT General'!B65" xr:uid="{00000000-0004-0000-0400-000021000000}"/>
    <hyperlink ref="C299" r:id="rId27" location="'A. HTT General'!B88" xr:uid="{00000000-0004-0000-0400-000022000000}"/>
    <hyperlink ref="C300" r:id="rId28" location="'B1. HTT Mortgage Assets'!B180" xr:uid="{00000000-0004-0000-0400-000023000000}"/>
    <hyperlink ref="D300" r:id="rId29" location="'B2. HTT Public Sector Assets'!B166" xr:uid="{00000000-0004-0000-0400-000024000000}"/>
    <hyperlink ref="C301" location="'A. HTT General'!B230" display="230 Derivatives and Swaps" xr:uid="{00000000-0004-0000-0400-000025000000}"/>
    <hyperlink ref="C302" location="'C. HTT Harmonised Glossary'!B18" display="'C. HTT Harmonised Glossary'!B18" xr:uid="{00000000-0004-0000-0400-000026000000}"/>
    <hyperlink ref="C303" location="'A. HTT General'!B65" display="'A. HTT General'!B65" xr:uid="{00000000-0004-0000-0400-000027000000}"/>
    <hyperlink ref="C304" location="'A. HTT General'!B88" display="'A. HTT General'!B88" xr:uid="{00000000-0004-0000-0400-000028000000}"/>
    <hyperlink ref="C305" location="'C. HTT Harmonised Glossary'!B12" display="link to Glossary HG 1.7" xr:uid="{00000000-0004-0000-0400-000029000000}"/>
    <hyperlink ref="C306" location="'A. HTT General'!B44" display="'A. HTT General'!B44" xr:uid="{00000000-0004-0000-0400-00002A000000}"/>
    <hyperlink ref="C307" location="'B1. HTT Mortgage Assets'!B179" display="'B1. HTT Mortgage Assets'!B179" xr:uid="{00000000-0004-0000-0400-00002B000000}"/>
    <hyperlink ref="D307" location="'B2. HTT Public Sector Assets'!B166" display="'B2. HTT Public Sector Assets'!B166" xr:uid="{00000000-0004-0000-0400-00002C000000}"/>
    <hyperlink ref="F307" location="'B3. HTT Shipping Assets'!B110" display="'B3. HTT Shipping Assets'!B110" xr:uid="{00000000-0004-0000-0400-00002D000000}"/>
    <hyperlink ref="C312" r:id="rId30" location="'A. HTT General'!B173" xr:uid="{00000000-0004-0000-0400-00002E000000}"/>
    <hyperlink ref="C30" r:id="rId31" display="https://www.coveredbondlabel.com/issuer/34-skandinaviska-enskilda-banken-ab-publ" xr:uid="{41B55D79-3D45-455A-A31E-596B08A6AA92}"/>
  </hyperlinks>
  <pageMargins left="0.70866141732283472" right="0.70866141732283472" top="0.74803149606299213" bottom="0.74803149606299213" header="0.31496062992125978" footer="0.31496062992125978"/>
  <pageSetup paperSize="9" fitToHeight="0" orientation="landscape"/>
  <headerFooter>
    <oddHeader>&amp;R&amp;G</oddHeader>
  </headerFooter>
  <drawing r:id="rId3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6600"/>
  </sheetPr>
  <dimension ref="A1:N622"/>
  <sheetViews>
    <sheetView zoomScale="80" zoomScaleNormal="80" workbookViewId="0">
      <selection activeCell="C180" sqref="C180"/>
    </sheetView>
  </sheetViews>
  <sheetFormatPr defaultColWidth="8.88671875" defaultRowHeight="14.4" outlineLevelRow="1" x14ac:dyDescent="0.3"/>
  <cols>
    <col min="1" max="1" width="13.88671875" style="156" customWidth="1"/>
    <col min="2" max="2" width="60.88671875" style="156" customWidth="1"/>
    <col min="3" max="3" width="41" style="156" customWidth="1"/>
    <col min="4" max="4" width="40.88671875" style="156" customWidth="1"/>
    <col min="5" max="5" width="6.6640625" style="156" customWidth="1"/>
    <col min="6" max="6" width="41.5546875" style="156" customWidth="1"/>
    <col min="7" max="7" width="41.5546875" style="128" customWidth="1"/>
    <col min="8" max="8" width="8.88671875" style="140" customWidth="1"/>
    <col min="9" max="16384" width="8.88671875" style="140"/>
  </cols>
  <sheetData>
    <row r="1" spans="1:7" ht="31.5" customHeight="1" x14ac:dyDescent="0.3">
      <c r="A1" s="93" t="s">
        <v>817</v>
      </c>
      <c r="B1" s="93"/>
      <c r="C1" s="128"/>
      <c r="D1" s="128"/>
      <c r="E1" s="128"/>
      <c r="F1" s="158" t="s">
        <v>272</v>
      </c>
    </row>
    <row r="2" spans="1:7" ht="15.75" customHeight="1" thickBot="1" x14ac:dyDescent="0.35">
      <c r="A2" s="128"/>
      <c r="B2" s="128"/>
      <c r="C2" s="128"/>
      <c r="D2" s="128"/>
      <c r="E2" s="128"/>
      <c r="F2" s="128"/>
    </row>
    <row r="3" spans="1:7" ht="19.5" customHeight="1" thickBot="1" x14ac:dyDescent="0.35">
      <c r="A3" s="96"/>
      <c r="B3" s="97" t="s">
        <v>273</v>
      </c>
      <c r="C3" s="166" t="s">
        <v>274</v>
      </c>
      <c r="D3" s="96"/>
      <c r="E3" s="96"/>
      <c r="F3" s="128"/>
      <c r="G3" s="96"/>
    </row>
    <row r="4" spans="1:7" ht="15.75" customHeight="1" thickBot="1" x14ac:dyDescent="0.35"/>
    <row r="5" spans="1:7" ht="18.75" customHeight="1" x14ac:dyDescent="0.3">
      <c r="A5" s="101"/>
      <c r="B5" s="76" t="s">
        <v>818</v>
      </c>
      <c r="C5" s="101"/>
      <c r="E5" s="145"/>
      <c r="F5" s="145"/>
    </row>
    <row r="6" spans="1:7" x14ac:dyDescent="0.3">
      <c r="B6" s="167" t="s">
        <v>819</v>
      </c>
    </row>
    <row r="7" spans="1:7" x14ac:dyDescent="0.3">
      <c r="B7" s="167" t="s">
        <v>820</v>
      </c>
    </row>
    <row r="8" spans="1:7" ht="15.75" customHeight="1" thickBot="1" x14ac:dyDescent="0.35">
      <c r="B8" s="167" t="s">
        <v>821</v>
      </c>
    </row>
    <row r="9" spans="1:7" x14ac:dyDescent="0.3">
      <c r="B9" s="162"/>
    </row>
    <row r="10" spans="1:7" ht="37.5" customHeight="1" x14ac:dyDescent="0.3">
      <c r="A10" s="163" t="s">
        <v>283</v>
      </c>
      <c r="B10" s="163" t="s">
        <v>819</v>
      </c>
      <c r="C10" s="77"/>
      <c r="D10" s="77"/>
      <c r="E10" s="77"/>
      <c r="F10" s="77"/>
      <c r="G10" s="78"/>
    </row>
    <row r="11" spans="1:7" ht="15" customHeight="1" x14ac:dyDescent="0.3">
      <c r="A11" s="103"/>
      <c r="B11" s="79" t="s">
        <v>822</v>
      </c>
      <c r="C11" s="103" t="s">
        <v>325</v>
      </c>
      <c r="D11" s="103"/>
      <c r="E11" s="103"/>
      <c r="F11" s="80" t="s">
        <v>823</v>
      </c>
      <c r="G11" s="80"/>
    </row>
    <row r="12" spans="1:7" x14ac:dyDescent="0.3">
      <c r="A12" s="156" t="s">
        <v>824</v>
      </c>
      <c r="B12" s="156" t="s">
        <v>825</v>
      </c>
      <c r="C12" s="169">
        <v>706641.77</v>
      </c>
      <c r="F12" s="174">
        <f>IF($C$15=0,"",IF(C12="[for completion]","",C12/$C$15))</f>
        <v>1</v>
      </c>
    </row>
    <row r="13" spans="1:7" x14ac:dyDescent="0.3">
      <c r="A13" s="156" t="s">
        <v>826</v>
      </c>
      <c r="B13" s="156" t="s">
        <v>827</v>
      </c>
      <c r="C13" s="169">
        <v>0</v>
      </c>
      <c r="F13" s="174">
        <f>IF($C$15=0,"",IF(C13="[for completion]","",C13/$C$15))</f>
        <v>0</v>
      </c>
    </row>
    <row r="14" spans="1:7" x14ac:dyDescent="0.3">
      <c r="A14" s="156" t="s">
        <v>828</v>
      </c>
      <c r="B14" s="156" t="s">
        <v>364</v>
      </c>
      <c r="C14" s="169">
        <v>0</v>
      </c>
      <c r="F14" s="174">
        <f>IF($C$15=0,"",IF(C14="[for completion]","",C14/$C$15))</f>
        <v>0</v>
      </c>
    </row>
    <row r="15" spans="1:7" x14ac:dyDescent="0.3">
      <c r="A15" s="156" t="s">
        <v>829</v>
      </c>
      <c r="B15" s="90" t="s">
        <v>366</v>
      </c>
      <c r="C15" s="169">
        <f>SUM(C12:C14)</f>
        <v>706641.77</v>
      </c>
      <c r="F15" s="173">
        <f>SUM(F12:F14)</f>
        <v>1</v>
      </c>
    </row>
    <row r="16" spans="1:7" hidden="1" outlineLevel="1" x14ac:dyDescent="0.3">
      <c r="A16" s="156" t="s">
        <v>830</v>
      </c>
      <c r="B16" s="106" t="s">
        <v>831</v>
      </c>
      <c r="C16" s="170"/>
      <c r="F16" s="174">
        <f t="shared" ref="F16:F26" si="0">IF($C$15=0,"",IF(C16="[for completion]","",C16/$C$15))</f>
        <v>0</v>
      </c>
    </row>
    <row r="17" spans="1:7" hidden="1" outlineLevel="1" x14ac:dyDescent="0.3">
      <c r="A17" s="156" t="s">
        <v>832</v>
      </c>
      <c r="B17" s="106" t="s">
        <v>833</v>
      </c>
      <c r="C17" s="170"/>
      <c r="F17" s="174">
        <f t="shared" si="0"/>
        <v>0</v>
      </c>
    </row>
    <row r="18" spans="1:7" hidden="1" outlineLevel="1" x14ac:dyDescent="0.3">
      <c r="A18" s="156" t="s">
        <v>834</v>
      </c>
      <c r="B18" s="106" t="s">
        <v>368</v>
      </c>
      <c r="C18" s="170"/>
      <c r="F18" s="174">
        <f t="shared" si="0"/>
        <v>0</v>
      </c>
    </row>
    <row r="19" spans="1:7" hidden="1" outlineLevel="1" x14ac:dyDescent="0.3">
      <c r="A19" s="156" t="s">
        <v>835</v>
      </c>
      <c r="B19" s="106" t="s">
        <v>368</v>
      </c>
      <c r="C19" s="170"/>
      <c r="F19" s="174">
        <f t="shared" si="0"/>
        <v>0</v>
      </c>
    </row>
    <row r="20" spans="1:7" hidden="1" outlineLevel="1" x14ac:dyDescent="0.3">
      <c r="A20" s="156" t="s">
        <v>836</v>
      </c>
      <c r="B20" s="106" t="s">
        <v>368</v>
      </c>
      <c r="C20" s="170"/>
      <c r="F20" s="174">
        <f t="shared" si="0"/>
        <v>0</v>
      </c>
    </row>
    <row r="21" spans="1:7" hidden="1" outlineLevel="1" x14ac:dyDescent="0.3">
      <c r="A21" s="156" t="s">
        <v>837</v>
      </c>
      <c r="B21" s="106" t="s">
        <v>368</v>
      </c>
      <c r="C21" s="170"/>
      <c r="F21" s="174">
        <f t="shared" si="0"/>
        <v>0</v>
      </c>
    </row>
    <row r="22" spans="1:7" hidden="1" outlineLevel="1" x14ac:dyDescent="0.3">
      <c r="A22" s="156" t="s">
        <v>838</v>
      </c>
      <c r="B22" s="106" t="s">
        <v>368</v>
      </c>
      <c r="C22" s="170"/>
      <c r="F22" s="174">
        <f t="shared" si="0"/>
        <v>0</v>
      </c>
    </row>
    <row r="23" spans="1:7" hidden="1" outlineLevel="1" x14ac:dyDescent="0.3">
      <c r="A23" s="156" t="s">
        <v>839</v>
      </c>
      <c r="B23" s="106" t="s">
        <v>368</v>
      </c>
      <c r="C23" s="170"/>
      <c r="F23" s="174">
        <f t="shared" si="0"/>
        <v>0</v>
      </c>
    </row>
    <row r="24" spans="1:7" hidden="1" outlineLevel="1" x14ac:dyDescent="0.3">
      <c r="A24" s="156" t="s">
        <v>840</v>
      </c>
      <c r="B24" s="106" t="s">
        <v>368</v>
      </c>
      <c r="C24" s="170"/>
      <c r="F24" s="174">
        <f t="shared" si="0"/>
        <v>0</v>
      </c>
    </row>
    <row r="25" spans="1:7" hidden="1" outlineLevel="1" x14ac:dyDescent="0.3">
      <c r="A25" s="156" t="s">
        <v>841</v>
      </c>
      <c r="B25" s="106" t="s">
        <v>368</v>
      </c>
      <c r="C25" s="170"/>
      <c r="F25" s="174">
        <f t="shared" si="0"/>
        <v>0</v>
      </c>
    </row>
    <row r="26" spans="1:7" hidden="1" outlineLevel="1" x14ac:dyDescent="0.3">
      <c r="A26" s="156" t="s">
        <v>842</v>
      </c>
      <c r="B26" s="106" t="s">
        <v>368</v>
      </c>
      <c r="C26" s="176"/>
      <c r="D26" s="140"/>
      <c r="E26" s="140"/>
      <c r="F26" s="174">
        <f t="shared" si="0"/>
        <v>0</v>
      </c>
    </row>
    <row r="27" spans="1:7" ht="15" customHeight="1" collapsed="1" x14ac:dyDescent="0.3">
      <c r="A27" s="103"/>
      <c r="B27" s="186" t="s">
        <v>843</v>
      </c>
      <c r="C27" s="186" t="s">
        <v>844</v>
      </c>
      <c r="D27" s="186" t="s">
        <v>845</v>
      </c>
      <c r="E27" s="81"/>
      <c r="F27" s="186" t="s">
        <v>846</v>
      </c>
      <c r="G27" s="80"/>
    </row>
    <row r="28" spans="1:7" x14ac:dyDescent="0.3">
      <c r="A28" s="156" t="s">
        <v>847</v>
      </c>
      <c r="B28" s="166" t="s">
        <v>848</v>
      </c>
      <c r="C28" s="169">
        <v>754236</v>
      </c>
      <c r="D28" s="169">
        <v>0</v>
      </c>
      <c r="F28" s="169">
        <f>(C28+D28)</f>
        <v>754236</v>
      </c>
    </row>
    <row r="29" spans="1:7" hidden="1" outlineLevel="1" x14ac:dyDescent="0.3">
      <c r="A29" s="156" t="s">
        <v>849</v>
      </c>
      <c r="B29" s="187" t="s">
        <v>850</v>
      </c>
    </row>
    <row r="30" spans="1:7" hidden="1" outlineLevel="1" x14ac:dyDescent="0.3">
      <c r="A30" s="156" t="s">
        <v>851</v>
      </c>
      <c r="B30" s="187" t="s">
        <v>852</v>
      </c>
    </row>
    <row r="31" spans="1:7" hidden="1" outlineLevel="1" x14ac:dyDescent="0.3">
      <c r="A31" s="156" t="s">
        <v>853</v>
      </c>
      <c r="B31" s="104"/>
    </row>
    <row r="32" spans="1:7" hidden="1" outlineLevel="1" x14ac:dyDescent="0.3">
      <c r="A32" s="156" t="s">
        <v>854</v>
      </c>
      <c r="B32" s="104"/>
    </row>
    <row r="33" spans="1:7" hidden="1" outlineLevel="1" x14ac:dyDescent="0.3">
      <c r="A33" s="156" t="s">
        <v>855</v>
      </c>
      <c r="B33" s="104"/>
    </row>
    <row r="34" spans="1:7" hidden="1" outlineLevel="1" x14ac:dyDescent="0.3">
      <c r="A34" s="156" t="s">
        <v>856</v>
      </c>
      <c r="B34" s="104"/>
    </row>
    <row r="35" spans="1:7" ht="15" customHeight="1" collapsed="1" x14ac:dyDescent="0.3">
      <c r="A35" s="103"/>
      <c r="B35" s="79" t="s">
        <v>857</v>
      </c>
      <c r="C35" s="103" t="s">
        <v>858</v>
      </c>
      <c r="D35" s="103" t="s">
        <v>859</v>
      </c>
      <c r="E35" s="81"/>
      <c r="F35" s="80" t="s">
        <v>823</v>
      </c>
      <c r="G35" s="80"/>
    </row>
    <row r="36" spans="1:7" x14ac:dyDescent="0.3">
      <c r="A36" s="156" t="s">
        <v>860</v>
      </c>
      <c r="B36" s="156" t="s">
        <v>861</v>
      </c>
      <c r="C36" s="171">
        <v>1.3299999999999999E-2</v>
      </c>
      <c r="D36" s="171">
        <v>0</v>
      </c>
      <c r="E36" s="188"/>
      <c r="F36" s="171">
        <f>SUM(C36:D36)</f>
        <v>1.3299999999999999E-2</v>
      </c>
    </row>
    <row r="37" spans="1:7" hidden="1" outlineLevel="1" x14ac:dyDescent="0.3">
      <c r="A37" s="156" t="s">
        <v>862</v>
      </c>
      <c r="C37" s="173"/>
      <c r="D37" s="173"/>
      <c r="E37" s="188"/>
      <c r="F37" s="173"/>
    </row>
    <row r="38" spans="1:7" hidden="1" outlineLevel="1" x14ac:dyDescent="0.3">
      <c r="A38" s="156" t="s">
        <v>863</v>
      </c>
      <c r="C38" s="173"/>
      <c r="D38" s="173"/>
      <c r="E38" s="188"/>
      <c r="F38" s="173"/>
    </row>
    <row r="39" spans="1:7" hidden="1" outlineLevel="1" x14ac:dyDescent="0.3">
      <c r="A39" s="156" t="s">
        <v>864</v>
      </c>
      <c r="C39" s="173"/>
      <c r="D39" s="173"/>
      <c r="E39" s="188"/>
      <c r="F39" s="173"/>
    </row>
    <row r="40" spans="1:7" hidden="1" outlineLevel="1" x14ac:dyDescent="0.3">
      <c r="A40" s="156" t="s">
        <v>865</v>
      </c>
      <c r="C40" s="173"/>
      <c r="D40" s="173"/>
      <c r="E40" s="188"/>
      <c r="F40" s="173"/>
    </row>
    <row r="41" spans="1:7" hidden="1" outlineLevel="1" x14ac:dyDescent="0.3">
      <c r="A41" s="156" t="s">
        <v>866</v>
      </c>
      <c r="C41" s="173"/>
      <c r="D41" s="173"/>
      <c r="E41" s="188"/>
      <c r="F41" s="173"/>
    </row>
    <row r="42" spans="1:7" hidden="1" outlineLevel="1" x14ac:dyDescent="0.3">
      <c r="A42" s="156" t="s">
        <v>867</v>
      </c>
      <c r="C42" s="173"/>
      <c r="D42" s="173"/>
      <c r="E42" s="188"/>
      <c r="F42" s="173"/>
    </row>
    <row r="43" spans="1:7" ht="15" customHeight="1" collapsed="1" x14ac:dyDescent="0.3">
      <c r="A43" s="103"/>
      <c r="B43" s="79" t="s">
        <v>868</v>
      </c>
      <c r="C43" s="103" t="s">
        <v>858</v>
      </c>
      <c r="D43" s="103" t="s">
        <v>859</v>
      </c>
      <c r="E43" s="81"/>
      <c r="F43" s="80" t="s">
        <v>823</v>
      </c>
      <c r="G43" s="80"/>
    </row>
    <row r="44" spans="1:7" x14ac:dyDescent="0.3">
      <c r="A44" s="156" t="s">
        <v>869</v>
      </c>
      <c r="B44" s="107" t="s">
        <v>870</v>
      </c>
      <c r="C44" s="189">
        <f>SUM(C45:C71)</f>
        <v>1</v>
      </c>
      <c r="D44" s="189">
        <f>SUM(D45:D71)</f>
        <v>0</v>
      </c>
      <c r="E44" s="173"/>
      <c r="F44" s="171">
        <f t="shared" ref="F44:F87" si="1">SUM(C44:D44)</f>
        <v>1</v>
      </c>
      <c r="G44" s="156"/>
    </row>
    <row r="45" spans="1:7" x14ac:dyDescent="0.3">
      <c r="A45" s="156" t="s">
        <v>871</v>
      </c>
      <c r="B45" s="156" t="s">
        <v>872</v>
      </c>
      <c r="C45" s="171">
        <v>0</v>
      </c>
      <c r="D45" s="171">
        <v>0</v>
      </c>
      <c r="E45" s="173"/>
      <c r="F45" s="171">
        <f t="shared" si="1"/>
        <v>0</v>
      </c>
      <c r="G45" s="156"/>
    </row>
    <row r="46" spans="1:7" x14ac:dyDescent="0.3">
      <c r="A46" s="156" t="s">
        <v>873</v>
      </c>
      <c r="B46" s="156" t="s">
        <v>874</v>
      </c>
      <c r="C46" s="171">
        <v>0</v>
      </c>
      <c r="D46" s="171">
        <v>0</v>
      </c>
      <c r="E46" s="173"/>
      <c r="F46" s="171">
        <f t="shared" si="1"/>
        <v>0</v>
      </c>
      <c r="G46" s="156"/>
    </row>
    <row r="47" spans="1:7" x14ac:dyDescent="0.3">
      <c r="A47" s="156" t="s">
        <v>875</v>
      </c>
      <c r="B47" s="156" t="s">
        <v>876</v>
      </c>
      <c r="C47" s="171">
        <v>0</v>
      </c>
      <c r="D47" s="171">
        <v>0</v>
      </c>
      <c r="E47" s="173"/>
      <c r="F47" s="171">
        <f t="shared" si="1"/>
        <v>0</v>
      </c>
      <c r="G47" s="156"/>
    </row>
    <row r="48" spans="1:7" x14ac:dyDescent="0.3">
      <c r="A48" s="156" t="s">
        <v>877</v>
      </c>
      <c r="B48" s="156" t="s">
        <v>878</v>
      </c>
      <c r="C48" s="171">
        <v>0</v>
      </c>
      <c r="D48" s="171">
        <v>0</v>
      </c>
      <c r="E48" s="173"/>
      <c r="F48" s="171">
        <f t="shared" si="1"/>
        <v>0</v>
      </c>
      <c r="G48" s="156"/>
    </row>
    <row r="49" spans="1:7" x14ac:dyDescent="0.3">
      <c r="A49" s="156" t="s">
        <v>879</v>
      </c>
      <c r="B49" s="156" t="s">
        <v>880</v>
      </c>
      <c r="C49" s="171">
        <v>0</v>
      </c>
      <c r="D49" s="171">
        <v>0</v>
      </c>
      <c r="E49" s="173"/>
      <c r="F49" s="171">
        <f t="shared" si="1"/>
        <v>0</v>
      </c>
      <c r="G49" s="156"/>
    </row>
    <row r="50" spans="1:7" x14ac:dyDescent="0.3">
      <c r="A50" s="156" t="s">
        <v>881</v>
      </c>
      <c r="B50" s="156" t="s">
        <v>882</v>
      </c>
      <c r="C50" s="171">
        <v>0</v>
      </c>
      <c r="D50" s="171">
        <v>0</v>
      </c>
      <c r="E50" s="173"/>
      <c r="F50" s="171">
        <f t="shared" si="1"/>
        <v>0</v>
      </c>
      <c r="G50" s="156"/>
    </row>
    <row r="51" spans="1:7" x14ac:dyDescent="0.3">
      <c r="A51" s="156" t="s">
        <v>883</v>
      </c>
      <c r="B51" s="156" t="s">
        <v>884</v>
      </c>
      <c r="C51" s="171">
        <v>0</v>
      </c>
      <c r="D51" s="171">
        <v>0</v>
      </c>
      <c r="E51" s="173"/>
      <c r="F51" s="171">
        <f t="shared" si="1"/>
        <v>0</v>
      </c>
      <c r="G51" s="156"/>
    </row>
    <row r="52" spans="1:7" x14ac:dyDescent="0.3">
      <c r="A52" s="156" t="s">
        <v>885</v>
      </c>
      <c r="B52" s="156" t="s">
        <v>886</v>
      </c>
      <c r="C52" s="171">
        <v>0</v>
      </c>
      <c r="D52" s="171">
        <v>0</v>
      </c>
      <c r="E52" s="173"/>
      <c r="F52" s="171">
        <f t="shared" si="1"/>
        <v>0</v>
      </c>
      <c r="G52" s="156"/>
    </row>
    <row r="53" spans="1:7" x14ac:dyDescent="0.3">
      <c r="A53" s="156" t="s">
        <v>887</v>
      </c>
      <c r="B53" s="156" t="s">
        <v>888</v>
      </c>
      <c r="C53" s="171">
        <v>0</v>
      </c>
      <c r="D53" s="171">
        <v>0</v>
      </c>
      <c r="E53" s="173"/>
      <c r="F53" s="171">
        <f t="shared" si="1"/>
        <v>0</v>
      </c>
      <c r="G53" s="156"/>
    </row>
    <row r="54" spans="1:7" x14ac:dyDescent="0.3">
      <c r="A54" s="156" t="s">
        <v>889</v>
      </c>
      <c r="B54" s="156" t="s">
        <v>890</v>
      </c>
      <c r="C54" s="171">
        <v>0</v>
      </c>
      <c r="D54" s="171">
        <v>0</v>
      </c>
      <c r="E54" s="173"/>
      <c r="F54" s="171">
        <f t="shared" si="1"/>
        <v>0</v>
      </c>
      <c r="G54" s="156"/>
    </row>
    <row r="55" spans="1:7" x14ac:dyDescent="0.3">
      <c r="A55" s="156" t="s">
        <v>891</v>
      </c>
      <c r="B55" s="156" t="s">
        <v>892</v>
      </c>
      <c r="C55" s="171">
        <v>0</v>
      </c>
      <c r="D55" s="171">
        <v>0</v>
      </c>
      <c r="E55" s="173"/>
      <c r="F55" s="171">
        <f t="shared" si="1"/>
        <v>0</v>
      </c>
      <c r="G55" s="156"/>
    </row>
    <row r="56" spans="1:7" x14ac:dyDescent="0.3">
      <c r="A56" s="156" t="s">
        <v>893</v>
      </c>
      <c r="B56" s="156" t="s">
        <v>894</v>
      </c>
      <c r="C56" s="171">
        <v>0</v>
      </c>
      <c r="D56" s="171">
        <v>0</v>
      </c>
      <c r="E56" s="173"/>
      <c r="F56" s="171">
        <f t="shared" si="1"/>
        <v>0</v>
      </c>
      <c r="G56" s="156"/>
    </row>
    <row r="57" spans="1:7" x14ac:dyDescent="0.3">
      <c r="A57" s="156" t="s">
        <v>895</v>
      </c>
      <c r="B57" s="156" t="s">
        <v>896</v>
      </c>
      <c r="C57" s="171">
        <v>0</v>
      </c>
      <c r="D57" s="171">
        <v>0</v>
      </c>
      <c r="E57" s="173"/>
      <c r="F57" s="171">
        <f t="shared" si="1"/>
        <v>0</v>
      </c>
      <c r="G57" s="156"/>
    </row>
    <row r="58" spans="1:7" x14ac:dyDescent="0.3">
      <c r="A58" s="156" t="s">
        <v>897</v>
      </c>
      <c r="B58" s="156" t="s">
        <v>898</v>
      </c>
      <c r="C58" s="171">
        <v>0</v>
      </c>
      <c r="D58" s="171">
        <v>0</v>
      </c>
      <c r="E58" s="173"/>
      <c r="F58" s="171">
        <f t="shared" si="1"/>
        <v>0</v>
      </c>
      <c r="G58" s="156"/>
    </row>
    <row r="59" spans="1:7" x14ac:dyDescent="0.3">
      <c r="A59" s="156" t="s">
        <v>899</v>
      </c>
      <c r="B59" s="156" t="s">
        <v>900</v>
      </c>
      <c r="C59" s="171">
        <v>0</v>
      </c>
      <c r="D59" s="171">
        <v>0</v>
      </c>
      <c r="E59" s="173"/>
      <c r="F59" s="171">
        <f t="shared" si="1"/>
        <v>0</v>
      </c>
      <c r="G59" s="156"/>
    </row>
    <row r="60" spans="1:7" x14ac:dyDescent="0.3">
      <c r="A60" s="156" t="s">
        <v>901</v>
      </c>
      <c r="B60" s="156" t="s">
        <v>902</v>
      </c>
      <c r="C60" s="171">
        <v>0</v>
      </c>
      <c r="D60" s="171">
        <v>0</v>
      </c>
      <c r="E60" s="173"/>
      <c r="F60" s="171">
        <f t="shared" si="1"/>
        <v>0</v>
      </c>
      <c r="G60" s="156"/>
    </row>
    <row r="61" spans="1:7" x14ac:dyDescent="0.3">
      <c r="A61" s="156" t="s">
        <v>903</v>
      </c>
      <c r="B61" s="156" t="s">
        <v>904</v>
      </c>
      <c r="C61" s="171">
        <v>0</v>
      </c>
      <c r="D61" s="171">
        <v>0</v>
      </c>
      <c r="E61" s="173"/>
      <c r="F61" s="171">
        <f t="shared" si="1"/>
        <v>0</v>
      </c>
      <c r="G61" s="156"/>
    </row>
    <row r="62" spans="1:7" x14ac:dyDescent="0.3">
      <c r="A62" s="156" t="s">
        <v>905</v>
      </c>
      <c r="B62" s="156" t="s">
        <v>906</v>
      </c>
      <c r="C62" s="171">
        <v>0</v>
      </c>
      <c r="D62" s="171">
        <v>0</v>
      </c>
      <c r="E62" s="173"/>
      <c r="F62" s="171">
        <f t="shared" si="1"/>
        <v>0</v>
      </c>
      <c r="G62" s="156"/>
    </row>
    <row r="63" spans="1:7" x14ac:dyDescent="0.3">
      <c r="A63" s="156" t="s">
        <v>907</v>
      </c>
      <c r="B63" s="156" t="s">
        <v>908</v>
      </c>
      <c r="C63" s="171">
        <v>0</v>
      </c>
      <c r="D63" s="171">
        <v>0</v>
      </c>
      <c r="E63" s="173"/>
      <c r="F63" s="171">
        <f t="shared" si="1"/>
        <v>0</v>
      </c>
      <c r="G63" s="156"/>
    </row>
    <row r="64" spans="1:7" x14ac:dyDescent="0.3">
      <c r="A64" s="156" t="s">
        <v>909</v>
      </c>
      <c r="B64" s="156" t="s">
        <v>910</v>
      </c>
      <c r="C64" s="171">
        <v>0</v>
      </c>
      <c r="D64" s="171">
        <v>0</v>
      </c>
      <c r="E64" s="173"/>
      <c r="F64" s="171">
        <f t="shared" si="1"/>
        <v>0</v>
      </c>
      <c r="G64" s="156"/>
    </row>
    <row r="65" spans="1:7" x14ac:dyDescent="0.3">
      <c r="A65" s="156" t="s">
        <v>911</v>
      </c>
      <c r="B65" s="156" t="s">
        <v>912</v>
      </c>
      <c r="C65" s="171">
        <v>0</v>
      </c>
      <c r="D65" s="171">
        <v>0</v>
      </c>
      <c r="E65" s="173"/>
      <c r="F65" s="171">
        <f t="shared" si="1"/>
        <v>0</v>
      </c>
      <c r="G65" s="156"/>
    </row>
    <row r="66" spans="1:7" x14ac:dyDescent="0.3">
      <c r="A66" s="156" t="s">
        <v>913</v>
      </c>
      <c r="B66" s="156" t="s">
        <v>914</v>
      </c>
      <c r="C66" s="171">
        <v>0</v>
      </c>
      <c r="D66" s="171">
        <v>0</v>
      </c>
      <c r="E66" s="173"/>
      <c r="F66" s="171">
        <f t="shared" si="1"/>
        <v>0</v>
      </c>
      <c r="G66" s="156"/>
    </row>
    <row r="67" spans="1:7" x14ac:dyDescent="0.3">
      <c r="A67" s="156" t="s">
        <v>915</v>
      </c>
      <c r="B67" s="156" t="s">
        <v>916</v>
      </c>
      <c r="C67" s="171">
        <v>0</v>
      </c>
      <c r="D67" s="171">
        <v>0</v>
      </c>
      <c r="E67" s="173"/>
      <c r="F67" s="171">
        <f t="shared" si="1"/>
        <v>0</v>
      </c>
      <c r="G67" s="156"/>
    </row>
    <row r="68" spans="1:7" x14ac:dyDescent="0.3">
      <c r="A68" s="156" t="s">
        <v>917</v>
      </c>
      <c r="B68" s="156" t="s">
        <v>918</v>
      </c>
      <c r="C68" s="171">
        <v>0</v>
      </c>
      <c r="D68" s="171">
        <v>0</v>
      </c>
      <c r="E68" s="173"/>
      <c r="F68" s="171">
        <f t="shared" si="1"/>
        <v>0</v>
      </c>
      <c r="G68" s="156"/>
    </row>
    <row r="69" spans="1:7" x14ac:dyDescent="0.3">
      <c r="A69" s="156" t="s">
        <v>919</v>
      </c>
      <c r="B69" s="156" t="s">
        <v>920</v>
      </c>
      <c r="C69" s="171">
        <v>0</v>
      </c>
      <c r="D69" s="171">
        <v>0</v>
      </c>
      <c r="E69" s="173"/>
      <c r="F69" s="171">
        <f t="shared" si="1"/>
        <v>0</v>
      </c>
      <c r="G69" s="156"/>
    </row>
    <row r="70" spans="1:7" x14ac:dyDescent="0.3">
      <c r="A70" s="156" t="s">
        <v>921</v>
      </c>
      <c r="B70" s="156" t="s">
        <v>922</v>
      </c>
      <c r="C70" s="171">
        <v>0</v>
      </c>
      <c r="D70" s="171">
        <v>0</v>
      </c>
      <c r="E70" s="173"/>
      <c r="F70" s="171">
        <f t="shared" si="1"/>
        <v>0</v>
      </c>
      <c r="G70" s="156"/>
    </row>
    <row r="71" spans="1:7" x14ac:dyDescent="0.3">
      <c r="A71" s="156" t="s">
        <v>923</v>
      </c>
      <c r="B71" s="156" t="s">
        <v>286</v>
      </c>
      <c r="C71" s="171">
        <v>1</v>
      </c>
      <c r="D71" s="171">
        <v>0</v>
      </c>
      <c r="E71" s="173"/>
      <c r="F71" s="171">
        <f t="shared" si="1"/>
        <v>1</v>
      </c>
      <c r="G71" s="156"/>
    </row>
    <row r="72" spans="1:7" x14ac:dyDescent="0.3">
      <c r="A72" s="156" t="s">
        <v>924</v>
      </c>
      <c r="B72" s="107" t="s">
        <v>565</v>
      </c>
      <c r="C72" s="171">
        <f>SUM(C73:C75)</f>
        <v>0</v>
      </c>
      <c r="D72" s="171">
        <f>SUM(D73:D75)</f>
        <v>0</v>
      </c>
      <c r="E72" s="173"/>
      <c r="F72" s="171">
        <f t="shared" si="1"/>
        <v>0</v>
      </c>
      <c r="G72" s="156"/>
    </row>
    <row r="73" spans="1:7" x14ac:dyDescent="0.3">
      <c r="A73" s="156" t="s">
        <v>925</v>
      </c>
      <c r="B73" s="156" t="s">
        <v>926</v>
      </c>
      <c r="C73" s="171">
        <v>0</v>
      </c>
      <c r="D73" s="171">
        <v>0</v>
      </c>
      <c r="E73" s="173"/>
      <c r="F73" s="171">
        <f t="shared" si="1"/>
        <v>0</v>
      </c>
      <c r="G73" s="156"/>
    </row>
    <row r="74" spans="1:7" x14ac:dyDescent="0.3">
      <c r="A74" s="156" t="s">
        <v>927</v>
      </c>
      <c r="B74" s="156" t="s">
        <v>928</v>
      </c>
      <c r="C74" s="171">
        <v>0</v>
      </c>
      <c r="D74" s="171">
        <v>0</v>
      </c>
      <c r="E74" s="173"/>
      <c r="F74" s="171">
        <f t="shared" si="1"/>
        <v>0</v>
      </c>
      <c r="G74" s="156"/>
    </row>
    <row r="75" spans="1:7" x14ac:dyDescent="0.3">
      <c r="A75" s="156" t="s">
        <v>929</v>
      </c>
      <c r="B75" s="156" t="s">
        <v>930</v>
      </c>
      <c r="C75" s="171">
        <v>0</v>
      </c>
      <c r="D75" s="171">
        <v>0</v>
      </c>
      <c r="E75" s="173"/>
      <c r="F75" s="171">
        <f t="shared" si="1"/>
        <v>0</v>
      </c>
      <c r="G75" s="156"/>
    </row>
    <row r="76" spans="1:7" x14ac:dyDescent="0.3">
      <c r="A76" s="156" t="s">
        <v>931</v>
      </c>
      <c r="B76" s="107" t="s">
        <v>364</v>
      </c>
      <c r="C76" s="171">
        <f>SUM(C77:C88)</f>
        <v>0</v>
      </c>
      <c r="D76" s="171">
        <f>SUM(D77:D88)</f>
        <v>0</v>
      </c>
      <c r="E76" s="173"/>
      <c r="F76" s="171">
        <f t="shared" si="1"/>
        <v>0</v>
      </c>
      <c r="G76" s="156"/>
    </row>
    <row r="77" spans="1:7" x14ac:dyDescent="0.3">
      <c r="A77" s="156" t="s">
        <v>932</v>
      </c>
      <c r="B77" s="151" t="s">
        <v>567</v>
      </c>
      <c r="C77" s="171">
        <v>0</v>
      </c>
      <c r="D77" s="171">
        <v>0</v>
      </c>
      <c r="E77" s="173"/>
      <c r="F77" s="171">
        <f t="shared" si="1"/>
        <v>0</v>
      </c>
      <c r="G77" s="156"/>
    </row>
    <row r="78" spans="1:7" x14ac:dyDescent="0.3">
      <c r="A78" s="156" t="s">
        <v>933</v>
      </c>
      <c r="B78" s="156" t="s">
        <v>934</v>
      </c>
      <c r="C78" s="171">
        <v>0</v>
      </c>
      <c r="D78" s="171">
        <v>0</v>
      </c>
      <c r="E78" s="173"/>
      <c r="F78" s="171">
        <f t="shared" si="1"/>
        <v>0</v>
      </c>
      <c r="G78" s="156"/>
    </row>
    <row r="79" spans="1:7" x14ac:dyDescent="0.3">
      <c r="A79" s="156" t="s">
        <v>935</v>
      </c>
      <c r="B79" s="151" t="s">
        <v>569</v>
      </c>
      <c r="C79" s="171">
        <v>0</v>
      </c>
      <c r="D79" s="171">
        <v>0</v>
      </c>
      <c r="E79" s="173"/>
      <c r="F79" s="171">
        <f t="shared" si="1"/>
        <v>0</v>
      </c>
      <c r="G79" s="156"/>
    </row>
    <row r="80" spans="1:7" x14ac:dyDescent="0.3">
      <c r="A80" s="156" t="s">
        <v>936</v>
      </c>
      <c r="B80" s="151" t="s">
        <v>571</v>
      </c>
      <c r="C80" s="171">
        <v>0</v>
      </c>
      <c r="D80" s="171">
        <v>0</v>
      </c>
      <c r="E80" s="173"/>
      <c r="F80" s="171">
        <f t="shared" si="1"/>
        <v>0</v>
      </c>
      <c r="G80" s="156"/>
    </row>
    <row r="81" spans="1:7" x14ac:dyDescent="0.3">
      <c r="A81" s="156" t="s">
        <v>937</v>
      </c>
      <c r="B81" s="151" t="s">
        <v>573</v>
      </c>
      <c r="C81" s="171">
        <v>0</v>
      </c>
      <c r="D81" s="171">
        <v>0</v>
      </c>
      <c r="E81" s="173"/>
      <c r="F81" s="171">
        <f t="shared" si="1"/>
        <v>0</v>
      </c>
      <c r="G81" s="156"/>
    </row>
    <row r="82" spans="1:7" x14ac:dyDescent="0.3">
      <c r="A82" s="156" t="s">
        <v>938</v>
      </c>
      <c r="B82" s="151" t="s">
        <v>575</v>
      </c>
      <c r="C82" s="171">
        <v>0</v>
      </c>
      <c r="D82" s="171">
        <v>0</v>
      </c>
      <c r="E82" s="173"/>
      <c r="F82" s="171">
        <f t="shared" si="1"/>
        <v>0</v>
      </c>
      <c r="G82" s="156"/>
    </row>
    <row r="83" spans="1:7" x14ac:dyDescent="0.3">
      <c r="A83" s="156" t="s">
        <v>939</v>
      </c>
      <c r="B83" s="151" t="s">
        <v>577</v>
      </c>
      <c r="C83" s="171">
        <v>0</v>
      </c>
      <c r="D83" s="171">
        <v>0</v>
      </c>
      <c r="E83" s="173"/>
      <c r="F83" s="171">
        <f t="shared" si="1"/>
        <v>0</v>
      </c>
      <c r="G83" s="156"/>
    </row>
    <row r="84" spans="1:7" x14ac:dyDescent="0.3">
      <c r="A84" s="156" t="s">
        <v>940</v>
      </c>
      <c r="B84" s="151" t="s">
        <v>579</v>
      </c>
      <c r="C84" s="171">
        <v>0</v>
      </c>
      <c r="D84" s="171">
        <v>0</v>
      </c>
      <c r="E84" s="173"/>
      <c r="F84" s="171">
        <f t="shared" si="1"/>
        <v>0</v>
      </c>
      <c r="G84" s="156"/>
    </row>
    <row r="85" spans="1:7" x14ac:dyDescent="0.3">
      <c r="A85" s="156" t="s">
        <v>941</v>
      </c>
      <c r="B85" s="151" t="s">
        <v>581</v>
      </c>
      <c r="C85" s="171">
        <v>0</v>
      </c>
      <c r="D85" s="171">
        <v>0</v>
      </c>
      <c r="E85" s="173"/>
      <c r="F85" s="171">
        <f t="shared" si="1"/>
        <v>0</v>
      </c>
      <c r="G85" s="156"/>
    </row>
    <row r="86" spans="1:7" x14ac:dyDescent="0.3">
      <c r="A86" s="156" t="s">
        <v>942</v>
      </c>
      <c r="B86" s="151" t="s">
        <v>583</v>
      </c>
      <c r="C86" s="171">
        <v>0</v>
      </c>
      <c r="D86" s="171">
        <v>0</v>
      </c>
      <c r="E86" s="173"/>
      <c r="F86" s="171">
        <f t="shared" si="1"/>
        <v>0</v>
      </c>
      <c r="G86" s="156"/>
    </row>
    <row r="87" spans="1:7" x14ac:dyDescent="0.3">
      <c r="A87" s="156" t="s">
        <v>943</v>
      </c>
      <c r="B87" s="151" t="s">
        <v>364</v>
      </c>
      <c r="C87" s="171">
        <v>0</v>
      </c>
      <c r="D87" s="171">
        <v>0</v>
      </c>
      <c r="E87" s="173"/>
      <c r="F87" s="171">
        <f t="shared" si="1"/>
        <v>0</v>
      </c>
      <c r="G87" s="156"/>
    </row>
    <row r="88" spans="1:7" hidden="1" outlineLevel="1" x14ac:dyDescent="0.3">
      <c r="A88" s="156" t="s">
        <v>944</v>
      </c>
      <c r="B88" s="106" t="s">
        <v>368</v>
      </c>
      <c r="C88" s="173"/>
      <c r="D88" s="173"/>
      <c r="E88" s="173"/>
      <c r="F88" s="173"/>
      <c r="G88" s="156"/>
    </row>
    <row r="89" spans="1:7" hidden="1" outlineLevel="1" x14ac:dyDescent="0.3">
      <c r="A89" s="156" t="s">
        <v>945</v>
      </c>
      <c r="B89" s="106" t="s">
        <v>368</v>
      </c>
      <c r="C89" s="173"/>
      <c r="D89" s="173"/>
      <c r="E89" s="173"/>
      <c r="F89" s="173"/>
      <c r="G89" s="156"/>
    </row>
    <row r="90" spans="1:7" hidden="1" outlineLevel="1" x14ac:dyDescent="0.3">
      <c r="A90" s="156" t="s">
        <v>946</v>
      </c>
      <c r="B90" s="106" t="s">
        <v>368</v>
      </c>
      <c r="C90" s="173"/>
      <c r="D90" s="173"/>
      <c r="E90" s="173"/>
      <c r="F90" s="173"/>
      <c r="G90" s="156"/>
    </row>
    <row r="91" spans="1:7" hidden="1" outlineLevel="1" x14ac:dyDescent="0.3">
      <c r="A91" s="156" t="s">
        <v>947</v>
      </c>
      <c r="B91" s="106" t="s">
        <v>368</v>
      </c>
      <c r="C91" s="173"/>
      <c r="D91" s="173"/>
      <c r="E91" s="173"/>
      <c r="F91" s="173"/>
      <c r="G91" s="156"/>
    </row>
    <row r="92" spans="1:7" hidden="1" outlineLevel="1" x14ac:dyDescent="0.3">
      <c r="A92" s="156" t="s">
        <v>948</v>
      </c>
      <c r="B92" s="106" t="s">
        <v>368</v>
      </c>
      <c r="C92" s="173"/>
      <c r="D92" s="173"/>
      <c r="E92" s="173"/>
      <c r="F92" s="173"/>
      <c r="G92" s="156"/>
    </row>
    <row r="93" spans="1:7" hidden="1" outlineLevel="1" x14ac:dyDescent="0.3">
      <c r="A93" s="156" t="s">
        <v>949</v>
      </c>
      <c r="B93" s="106" t="s">
        <v>368</v>
      </c>
      <c r="C93" s="173"/>
      <c r="D93" s="173"/>
      <c r="E93" s="173"/>
      <c r="F93" s="173"/>
      <c r="G93" s="156"/>
    </row>
    <row r="94" spans="1:7" hidden="1" outlineLevel="1" x14ac:dyDescent="0.3">
      <c r="A94" s="156" t="s">
        <v>950</v>
      </c>
      <c r="B94" s="106" t="s">
        <v>368</v>
      </c>
      <c r="C94" s="173"/>
      <c r="D94" s="173"/>
      <c r="E94" s="173"/>
      <c r="F94" s="173"/>
      <c r="G94" s="156"/>
    </row>
    <row r="95" spans="1:7" hidden="1" outlineLevel="1" x14ac:dyDescent="0.3">
      <c r="A95" s="156" t="s">
        <v>951</v>
      </c>
      <c r="B95" s="106" t="s">
        <v>368</v>
      </c>
      <c r="C95" s="173"/>
      <c r="D95" s="173"/>
      <c r="E95" s="173"/>
      <c r="F95" s="173"/>
      <c r="G95" s="156"/>
    </row>
    <row r="96" spans="1:7" hidden="1" outlineLevel="1" x14ac:dyDescent="0.3">
      <c r="A96" s="156" t="s">
        <v>952</v>
      </c>
      <c r="B96" s="106" t="s">
        <v>368</v>
      </c>
      <c r="C96" s="173"/>
      <c r="D96" s="173"/>
      <c r="E96" s="173"/>
      <c r="F96" s="173"/>
      <c r="G96" s="156"/>
    </row>
    <row r="97" spans="1:7" hidden="1" outlineLevel="1" x14ac:dyDescent="0.3">
      <c r="A97" s="156" t="s">
        <v>953</v>
      </c>
      <c r="B97" s="106" t="s">
        <v>368</v>
      </c>
      <c r="C97" s="173"/>
      <c r="D97" s="173"/>
      <c r="E97" s="173"/>
      <c r="F97" s="173"/>
      <c r="G97" s="156"/>
    </row>
    <row r="98" spans="1:7" ht="15" customHeight="1" collapsed="1" x14ac:dyDescent="0.3">
      <c r="A98" s="103"/>
      <c r="B98" s="149" t="s">
        <v>954</v>
      </c>
      <c r="C98" s="103" t="s">
        <v>858</v>
      </c>
      <c r="D98" s="103" t="s">
        <v>859</v>
      </c>
      <c r="E98" s="81"/>
      <c r="F98" s="80" t="s">
        <v>823</v>
      </c>
      <c r="G98" s="80"/>
    </row>
    <row r="99" spans="1:7" x14ac:dyDescent="0.3">
      <c r="A99" s="156" t="s">
        <v>955</v>
      </c>
      <c r="B99" s="166" t="s">
        <v>956</v>
      </c>
      <c r="C99" s="171">
        <v>0.40429999999999999</v>
      </c>
      <c r="D99" s="171">
        <v>0</v>
      </c>
      <c r="E99" s="173"/>
      <c r="F99" s="171">
        <f t="shared" ref="F99:F106" si="2">SUM(C99:D99)</f>
        <v>0.40429999999999999</v>
      </c>
      <c r="G99" s="156"/>
    </row>
    <row r="100" spans="1:7" x14ac:dyDescent="0.3">
      <c r="A100" s="156" t="s">
        <v>957</v>
      </c>
      <c r="B100" s="166" t="s">
        <v>958</v>
      </c>
      <c r="C100" s="171">
        <v>0.15129999999999999</v>
      </c>
      <c r="D100" s="171">
        <v>0</v>
      </c>
      <c r="E100" s="173"/>
      <c r="F100" s="171">
        <f t="shared" si="2"/>
        <v>0.15129999999999999</v>
      </c>
      <c r="G100" s="156"/>
    </row>
    <row r="101" spans="1:7" x14ac:dyDescent="0.3">
      <c r="A101" s="156" t="s">
        <v>959</v>
      </c>
      <c r="B101" s="166" t="s">
        <v>960</v>
      </c>
      <c r="C101" s="171">
        <v>7.8899999999999998E-2</v>
      </c>
      <c r="D101" s="171">
        <v>0</v>
      </c>
      <c r="E101" s="173"/>
      <c r="F101" s="171">
        <f t="shared" si="2"/>
        <v>7.8899999999999998E-2</v>
      </c>
      <c r="G101" s="156"/>
    </row>
    <row r="102" spans="1:7" x14ac:dyDescent="0.3">
      <c r="A102" s="156" t="s">
        <v>961</v>
      </c>
      <c r="B102" s="166" t="s">
        <v>962</v>
      </c>
      <c r="C102" s="171">
        <v>0.109</v>
      </c>
      <c r="D102" s="171">
        <v>0</v>
      </c>
      <c r="E102" s="173"/>
      <c r="F102" s="171">
        <f t="shared" si="2"/>
        <v>0.109</v>
      </c>
      <c r="G102" s="156"/>
    </row>
    <row r="103" spans="1:7" x14ac:dyDescent="0.3">
      <c r="A103" s="156" t="s">
        <v>963</v>
      </c>
      <c r="B103" s="166" t="s">
        <v>964</v>
      </c>
      <c r="C103" s="171">
        <v>7.3200000000000001E-2</v>
      </c>
      <c r="D103" s="171">
        <v>0</v>
      </c>
      <c r="E103" s="173"/>
      <c r="F103" s="171">
        <f t="shared" si="2"/>
        <v>7.3200000000000001E-2</v>
      </c>
      <c r="G103" s="156"/>
    </row>
    <row r="104" spans="1:7" x14ac:dyDescent="0.3">
      <c r="A104" s="156" t="s">
        <v>965</v>
      </c>
      <c r="B104" s="166" t="s">
        <v>966</v>
      </c>
      <c r="C104" s="171">
        <v>5.7299999999999997E-2</v>
      </c>
      <c r="D104" s="171">
        <v>0</v>
      </c>
      <c r="E104" s="173"/>
      <c r="F104" s="171">
        <f t="shared" si="2"/>
        <v>5.7299999999999997E-2</v>
      </c>
      <c r="G104" s="156"/>
    </row>
    <row r="105" spans="1:7" x14ac:dyDescent="0.3">
      <c r="A105" s="156" t="s">
        <v>967</v>
      </c>
      <c r="B105" s="166" t="s">
        <v>968</v>
      </c>
      <c r="C105" s="171">
        <v>0.125</v>
      </c>
      <c r="D105" s="171">
        <v>0</v>
      </c>
      <c r="E105" s="173"/>
      <c r="F105" s="171">
        <f t="shared" si="2"/>
        <v>0.125</v>
      </c>
      <c r="G105" s="156"/>
    </row>
    <row r="106" spans="1:7" x14ac:dyDescent="0.3">
      <c r="A106" s="156" t="s">
        <v>969</v>
      </c>
      <c r="B106" s="166" t="s">
        <v>970</v>
      </c>
      <c r="C106" s="171">
        <v>0</v>
      </c>
      <c r="D106" s="171">
        <v>0</v>
      </c>
      <c r="E106" s="173"/>
      <c r="F106" s="171">
        <f t="shared" si="2"/>
        <v>0</v>
      </c>
      <c r="G106" s="156"/>
    </row>
    <row r="107" spans="1:7" hidden="1" x14ac:dyDescent="0.3">
      <c r="A107" s="156" t="s">
        <v>971</v>
      </c>
      <c r="B107" s="166"/>
      <c r="C107" s="166"/>
      <c r="D107" s="166"/>
      <c r="E107" s="166"/>
      <c r="F107" s="166"/>
      <c r="G107" s="156"/>
    </row>
    <row r="108" spans="1:7" hidden="1" x14ac:dyDescent="0.3">
      <c r="A108" s="156" t="s">
        <v>972</v>
      </c>
      <c r="B108" s="166"/>
      <c r="C108" s="166"/>
      <c r="D108" s="166"/>
      <c r="E108" s="166"/>
      <c r="F108" s="166"/>
      <c r="G108" s="156"/>
    </row>
    <row r="109" spans="1:7" hidden="1" x14ac:dyDescent="0.3">
      <c r="A109" s="156" t="s">
        <v>973</v>
      </c>
      <c r="B109" s="166"/>
      <c r="C109" s="166"/>
      <c r="D109" s="166"/>
      <c r="E109" s="166"/>
      <c r="F109" s="166"/>
      <c r="G109" s="156"/>
    </row>
    <row r="110" spans="1:7" hidden="1" x14ac:dyDescent="0.3">
      <c r="A110" s="156" t="s">
        <v>974</v>
      </c>
      <c r="B110" s="166"/>
      <c r="C110" s="166"/>
      <c r="D110" s="166"/>
      <c r="E110" s="166"/>
      <c r="F110" s="166"/>
      <c r="G110" s="156"/>
    </row>
    <row r="111" spans="1:7" hidden="1" x14ac:dyDescent="0.3">
      <c r="A111" s="156" t="s">
        <v>975</v>
      </c>
      <c r="B111" s="166"/>
      <c r="C111" s="166"/>
      <c r="D111" s="166"/>
      <c r="E111" s="166"/>
      <c r="F111" s="166"/>
      <c r="G111" s="156"/>
    </row>
    <row r="112" spans="1:7" hidden="1" x14ac:dyDescent="0.3">
      <c r="A112" s="156" t="s">
        <v>976</v>
      </c>
      <c r="B112" s="166"/>
      <c r="C112" s="166"/>
      <c r="D112" s="166"/>
      <c r="E112" s="166"/>
      <c r="F112" s="166"/>
      <c r="G112" s="156"/>
    </row>
    <row r="113" spans="1:7" hidden="1" x14ac:dyDescent="0.3">
      <c r="A113" s="156" t="s">
        <v>977</v>
      </c>
      <c r="B113" s="166"/>
      <c r="C113" s="166"/>
      <c r="D113" s="166"/>
      <c r="E113" s="166"/>
      <c r="F113" s="166"/>
      <c r="G113" s="156"/>
    </row>
    <row r="114" spans="1:7" hidden="1" x14ac:dyDescent="0.3">
      <c r="A114" s="156" t="s">
        <v>978</v>
      </c>
      <c r="B114" s="166"/>
      <c r="C114" s="166"/>
      <c r="D114" s="166"/>
      <c r="E114" s="166"/>
      <c r="F114" s="166"/>
      <c r="G114" s="156"/>
    </row>
    <row r="115" spans="1:7" hidden="1" x14ac:dyDescent="0.3">
      <c r="A115" s="156" t="s">
        <v>979</v>
      </c>
      <c r="B115" s="166"/>
      <c r="C115" s="166"/>
      <c r="D115" s="166"/>
      <c r="E115" s="166"/>
      <c r="F115" s="166"/>
      <c r="G115" s="156"/>
    </row>
    <row r="116" spans="1:7" hidden="1" x14ac:dyDescent="0.3">
      <c r="A116" s="156" t="s">
        <v>980</v>
      </c>
      <c r="B116" s="166"/>
      <c r="C116" s="166"/>
      <c r="D116" s="166"/>
      <c r="E116" s="166"/>
      <c r="F116" s="166"/>
      <c r="G116" s="156"/>
    </row>
    <row r="117" spans="1:7" hidden="1" x14ac:dyDescent="0.3">
      <c r="A117" s="156" t="s">
        <v>981</v>
      </c>
      <c r="B117" s="166"/>
      <c r="C117" s="166"/>
      <c r="D117" s="166"/>
      <c r="E117" s="166"/>
      <c r="F117" s="166"/>
      <c r="G117" s="156"/>
    </row>
    <row r="118" spans="1:7" hidden="1" x14ac:dyDescent="0.3">
      <c r="A118" s="156" t="s">
        <v>982</v>
      </c>
      <c r="B118" s="166"/>
      <c r="C118" s="166"/>
      <c r="D118" s="166"/>
      <c r="E118" s="166"/>
      <c r="F118" s="166"/>
      <c r="G118" s="156"/>
    </row>
    <row r="119" spans="1:7" hidden="1" x14ac:dyDescent="0.3">
      <c r="A119" s="156" t="s">
        <v>983</v>
      </c>
      <c r="B119" s="166"/>
      <c r="C119" s="166"/>
      <c r="D119" s="166"/>
      <c r="E119" s="166"/>
      <c r="F119" s="166"/>
      <c r="G119" s="156"/>
    </row>
    <row r="120" spans="1:7" hidden="1" x14ac:dyDescent="0.3">
      <c r="A120" s="156" t="s">
        <v>984</v>
      </c>
      <c r="B120" s="166"/>
      <c r="C120" s="166"/>
      <c r="D120" s="166"/>
      <c r="E120" s="166"/>
      <c r="F120" s="166"/>
      <c r="G120" s="156"/>
    </row>
    <row r="121" spans="1:7" hidden="1" x14ac:dyDescent="0.3">
      <c r="A121" s="156" t="s">
        <v>985</v>
      </c>
      <c r="B121" s="166"/>
      <c r="C121" s="166"/>
      <c r="D121" s="166"/>
      <c r="E121" s="166"/>
      <c r="F121" s="166"/>
      <c r="G121" s="156"/>
    </row>
    <row r="122" spans="1:7" hidden="1" x14ac:dyDescent="0.3">
      <c r="A122" s="156" t="s">
        <v>986</v>
      </c>
      <c r="B122" s="166"/>
      <c r="C122" s="166"/>
      <c r="D122" s="166"/>
      <c r="E122" s="166"/>
      <c r="F122" s="166"/>
      <c r="G122" s="156"/>
    </row>
    <row r="123" spans="1:7" hidden="1" x14ac:dyDescent="0.3">
      <c r="A123" s="156" t="s">
        <v>987</v>
      </c>
      <c r="B123" s="166"/>
      <c r="C123" s="166"/>
      <c r="D123" s="166"/>
      <c r="E123" s="166"/>
      <c r="F123" s="166"/>
      <c r="G123" s="156"/>
    </row>
    <row r="124" spans="1:7" hidden="1" x14ac:dyDescent="0.3">
      <c r="A124" s="156" t="s">
        <v>988</v>
      </c>
      <c r="B124" s="166"/>
      <c r="C124" s="166"/>
      <c r="D124" s="166"/>
      <c r="E124" s="166"/>
      <c r="F124" s="166"/>
      <c r="G124" s="156"/>
    </row>
    <row r="125" spans="1:7" hidden="1" x14ac:dyDescent="0.3">
      <c r="A125" s="156" t="s">
        <v>989</v>
      </c>
      <c r="B125" s="166"/>
      <c r="C125" s="166"/>
      <c r="D125" s="166"/>
      <c r="E125" s="166"/>
      <c r="F125" s="166"/>
      <c r="G125" s="156"/>
    </row>
    <row r="126" spans="1:7" hidden="1" x14ac:dyDescent="0.3">
      <c r="A126" s="156" t="s">
        <v>990</v>
      </c>
      <c r="B126" s="166"/>
      <c r="C126" s="166"/>
      <c r="D126" s="166"/>
      <c r="E126" s="166"/>
      <c r="F126" s="166"/>
      <c r="G126" s="156"/>
    </row>
    <row r="127" spans="1:7" hidden="1" x14ac:dyDescent="0.3">
      <c r="A127" s="156" t="s">
        <v>991</v>
      </c>
      <c r="B127" s="166"/>
      <c r="C127" s="166"/>
      <c r="D127" s="166"/>
      <c r="E127" s="166"/>
      <c r="F127" s="166"/>
      <c r="G127" s="156"/>
    </row>
    <row r="128" spans="1:7" hidden="1" x14ac:dyDescent="0.3">
      <c r="A128" s="156" t="s">
        <v>992</v>
      </c>
      <c r="B128" s="166"/>
      <c r="C128" s="166"/>
      <c r="D128" s="166"/>
      <c r="E128" s="166"/>
      <c r="F128" s="166"/>
      <c r="G128" s="156"/>
    </row>
    <row r="129" spans="1:7" hidden="1" x14ac:dyDescent="0.3">
      <c r="A129" s="156" t="s">
        <v>993</v>
      </c>
      <c r="B129" s="166"/>
      <c r="C129" s="166"/>
      <c r="D129" s="166"/>
      <c r="E129" s="166"/>
      <c r="F129" s="166"/>
      <c r="G129" s="156"/>
    </row>
    <row r="130" spans="1:7" hidden="1" x14ac:dyDescent="0.3">
      <c r="A130" s="156" t="s">
        <v>994</v>
      </c>
      <c r="B130" s="166"/>
      <c r="C130" s="166"/>
      <c r="D130" s="166"/>
      <c r="E130" s="166"/>
      <c r="F130" s="166"/>
      <c r="G130" s="156"/>
    </row>
    <row r="131" spans="1:7" hidden="1" x14ac:dyDescent="0.3">
      <c r="A131" s="156" t="s">
        <v>995</v>
      </c>
      <c r="B131" s="166"/>
      <c r="C131" s="166"/>
      <c r="D131" s="166"/>
      <c r="E131" s="166"/>
      <c r="F131" s="166"/>
      <c r="G131" s="156"/>
    </row>
    <row r="132" spans="1:7" hidden="1" x14ac:dyDescent="0.3">
      <c r="A132" s="156" t="s">
        <v>996</v>
      </c>
      <c r="B132" s="166"/>
      <c r="C132" s="166"/>
      <c r="D132" s="166"/>
      <c r="E132" s="166"/>
      <c r="F132" s="166"/>
      <c r="G132" s="156"/>
    </row>
    <row r="133" spans="1:7" hidden="1" x14ac:dyDescent="0.3">
      <c r="A133" s="156" t="s">
        <v>997</v>
      </c>
      <c r="B133" s="166"/>
      <c r="C133" s="166"/>
      <c r="D133" s="166"/>
      <c r="E133" s="166"/>
      <c r="F133" s="166"/>
      <c r="G133" s="156"/>
    </row>
    <row r="134" spans="1:7" hidden="1" x14ac:dyDescent="0.3">
      <c r="A134" s="156" t="s">
        <v>998</v>
      </c>
      <c r="B134" s="166"/>
      <c r="C134" s="166"/>
      <c r="D134" s="166"/>
      <c r="E134" s="166"/>
      <c r="F134" s="166"/>
      <c r="G134" s="156"/>
    </row>
    <row r="135" spans="1:7" hidden="1" x14ac:dyDescent="0.3">
      <c r="A135" s="156" t="s">
        <v>999</v>
      </c>
      <c r="B135" s="166"/>
      <c r="C135" s="166"/>
      <c r="D135" s="166"/>
      <c r="E135" s="166"/>
      <c r="F135" s="166"/>
      <c r="G135" s="156"/>
    </row>
    <row r="136" spans="1:7" hidden="1" x14ac:dyDescent="0.3">
      <c r="A136" s="156" t="s">
        <v>1000</v>
      </c>
      <c r="B136" s="166"/>
      <c r="C136" s="166"/>
      <c r="D136" s="166"/>
      <c r="E136" s="166"/>
      <c r="F136" s="166"/>
      <c r="G136" s="156"/>
    </row>
    <row r="137" spans="1:7" hidden="1" x14ac:dyDescent="0.3">
      <c r="A137" s="156" t="s">
        <v>1001</v>
      </c>
      <c r="B137" s="166"/>
      <c r="C137" s="166"/>
      <c r="D137" s="166"/>
      <c r="E137" s="166"/>
      <c r="F137" s="166"/>
      <c r="G137" s="156"/>
    </row>
    <row r="138" spans="1:7" hidden="1" x14ac:dyDescent="0.3">
      <c r="A138" s="156" t="s">
        <v>1002</v>
      </c>
      <c r="B138" s="166"/>
      <c r="C138" s="166"/>
      <c r="D138" s="166"/>
      <c r="E138" s="166"/>
      <c r="F138" s="166"/>
      <c r="G138" s="156"/>
    </row>
    <row r="139" spans="1:7" hidden="1" x14ac:dyDescent="0.3">
      <c r="A139" s="156" t="s">
        <v>1003</v>
      </c>
      <c r="B139" s="166"/>
      <c r="C139" s="166"/>
      <c r="D139" s="166"/>
      <c r="E139" s="166"/>
      <c r="F139" s="166"/>
      <c r="G139" s="156"/>
    </row>
    <row r="140" spans="1:7" hidden="1" x14ac:dyDescent="0.3">
      <c r="A140" s="156" t="s">
        <v>1004</v>
      </c>
      <c r="B140" s="166"/>
      <c r="C140" s="166"/>
      <c r="D140" s="166"/>
      <c r="E140" s="166"/>
      <c r="F140" s="166"/>
      <c r="G140" s="156"/>
    </row>
    <row r="141" spans="1:7" hidden="1" x14ac:dyDescent="0.3">
      <c r="A141" s="156" t="s">
        <v>1005</v>
      </c>
      <c r="B141" s="166"/>
      <c r="C141" s="166"/>
      <c r="D141" s="166"/>
      <c r="E141" s="166"/>
      <c r="F141" s="166"/>
      <c r="G141" s="156"/>
    </row>
    <row r="142" spans="1:7" hidden="1" x14ac:dyDescent="0.3">
      <c r="A142" s="156" t="s">
        <v>1006</v>
      </c>
      <c r="B142" s="166"/>
      <c r="C142" s="166"/>
      <c r="D142" s="166"/>
      <c r="E142" s="166"/>
      <c r="F142" s="166"/>
      <c r="G142" s="156"/>
    </row>
    <row r="143" spans="1:7" hidden="1" x14ac:dyDescent="0.3">
      <c r="A143" s="156" t="s">
        <v>1007</v>
      </c>
      <c r="B143" s="166"/>
      <c r="C143" s="166"/>
      <c r="D143" s="166"/>
      <c r="E143" s="166"/>
      <c r="F143" s="166"/>
      <c r="G143" s="156"/>
    </row>
    <row r="144" spans="1:7" hidden="1" x14ac:dyDescent="0.3">
      <c r="A144" s="156" t="s">
        <v>1008</v>
      </c>
      <c r="B144" s="166"/>
      <c r="C144" s="166"/>
      <c r="D144" s="166"/>
      <c r="E144" s="166"/>
      <c r="F144" s="166"/>
      <c r="G144" s="156"/>
    </row>
    <row r="145" spans="1:7" hidden="1" x14ac:dyDescent="0.3">
      <c r="A145" s="156" t="s">
        <v>1009</v>
      </c>
      <c r="B145" s="166"/>
      <c r="C145" s="166"/>
      <c r="D145" s="166"/>
      <c r="E145" s="166"/>
      <c r="F145" s="166"/>
      <c r="G145" s="156"/>
    </row>
    <row r="146" spans="1:7" hidden="1" x14ac:dyDescent="0.3">
      <c r="A146" s="156" t="s">
        <v>1010</v>
      </c>
      <c r="B146" s="166"/>
      <c r="C146" s="166"/>
      <c r="D146" s="166"/>
      <c r="E146" s="166"/>
      <c r="F146" s="166"/>
      <c r="G146" s="156"/>
    </row>
    <row r="147" spans="1:7" hidden="1" x14ac:dyDescent="0.3">
      <c r="A147" s="156" t="s">
        <v>1011</v>
      </c>
      <c r="B147" s="166"/>
      <c r="C147" s="166"/>
      <c r="D147" s="166"/>
      <c r="E147" s="166"/>
      <c r="F147" s="166"/>
      <c r="G147" s="156"/>
    </row>
    <row r="148" spans="1:7" hidden="1" x14ac:dyDescent="0.3">
      <c r="A148" s="156" t="s">
        <v>1012</v>
      </c>
      <c r="B148" s="166"/>
      <c r="C148" s="166"/>
      <c r="D148" s="166"/>
      <c r="E148" s="166"/>
      <c r="F148" s="166"/>
      <c r="G148" s="156"/>
    </row>
    <row r="149" spans="1:7" ht="15" customHeight="1" x14ac:dyDescent="0.3">
      <c r="A149" s="103"/>
      <c r="B149" s="79" t="s">
        <v>1013</v>
      </c>
      <c r="C149" s="103" t="s">
        <v>858</v>
      </c>
      <c r="D149" s="103" t="s">
        <v>859</v>
      </c>
      <c r="E149" s="81"/>
      <c r="F149" s="80" t="s">
        <v>823</v>
      </c>
      <c r="G149" s="80"/>
    </row>
    <row r="150" spans="1:7" x14ac:dyDescent="0.3">
      <c r="A150" s="156" t="s">
        <v>1014</v>
      </c>
      <c r="B150" s="156" t="s">
        <v>1015</v>
      </c>
      <c r="C150" s="171">
        <v>0.41920000000000002</v>
      </c>
      <c r="D150" s="171">
        <v>0</v>
      </c>
      <c r="E150" s="190"/>
      <c r="F150" s="171">
        <f>SUM(C150:D150)</f>
        <v>0.41920000000000002</v>
      </c>
    </row>
    <row r="151" spans="1:7" x14ac:dyDescent="0.3">
      <c r="A151" s="156" t="s">
        <v>1016</v>
      </c>
      <c r="B151" s="156" t="s">
        <v>1017</v>
      </c>
      <c r="C151" s="171">
        <v>0.58079999999999998</v>
      </c>
      <c r="D151" s="171">
        <v>0</v>
      </c>
      <c r="E151" s="190"/>
      <c r="F151" s="171">
        <f>SUM(C151:D151)</f>
        <v>0.58079999999999998</v>
      </c>
    </row>
    <row r="152" spans="1:7" x14ac:dyDescent="0.3">
      <c r="A152" s="156" t="s">
        <v>1018</v>
      </c>
      <c r="B152" s="156" t="s">
        <v>364</v>
      </c>
      <c r="C152" s="171">
        <v>0</v>
      </c>
      <c r="D152" s="171">
        <v>0</v>
      </c>
      <c r="E152" s="190"/>
      <c r="F152" s="171">
        <f>SUM(C152:D152)</f>
        <v>0</v>
      </c>
    </row>
    <row r="153" spans="1:7" hidden="1" outlineLevel="1" x14ac:dyDescent="0.3">
      <c r="A153" s="156" t="s">
        <v>1019</v>
      </c>
      <c r="C153" s="173"/>
      <c r="D153" s="173"/>
      <c r="E153" s="190"/>
      <c r="F153" s="173"/>
    </row>
    <row r="154" spans="1:7" hidden="1" outlineLevel="1" x14ac:dyDescent="0.3">
      <c r="A154" s="156" t="s">
        <v>1020</v>
      </c>
      <c r="C154" s="173"/>
      <c r="D154" s="173"/>
      <c r="E154" s="190"/>
      <c r="F154" s="173"/>
    </row>
    <row r="155" spans="1:7" hidden="1" outlineLevel="1" x14ac:dyDescent="0.3">
      <c r="A155" s="156" t="s">
        <v>1021</v>
      </c>
      <c r="C155" s="173"/>
      <c r="D155" s="173"/>
      <c r="E155" s="190"/>
      <c r="F155" s="173"/>
    </row>
    <row r="156" spans="1:7" hidden="1" outlineLevel="1" x14ac:dyDescent="0.3">
      <c r="A156" s="156" t="s">
        <v>1022</v>
      </c>
      <c r="C156" s="173"/>
      <c r="D156" s="173"/>
      <c r="E156" s="190"/>
      <c r="F156" s="173"/>
    </row>
    <row r="157" spans="1:7" hidden="1" outlineLevel="1" x14ac:dyDescent="0.3">
      <c r="A157" s="156" t="s">
        <v>1023</v>
      </c>
      <c r="C157" s="173"/>
      <c r="D157" s="173"/>
      <c r="E157" s="190"/>
      <c r="F157" s="173"/>
    </row>
    <row r="158" spans="1:7" hidden="1" outlineLevel="1" x14ac:dyDescent="0.3">
      <c r="A158" s="156" t="s">
        <v>1024</v>
      </c>
      <c r="C158" s="173"/>
      <c r="D158" s="173"/>
      <c r="E158" s="190"/>
      <c r="F158" s="173"/>
    </row>
    <row r="159" spans="1:7" ht="15" customHeight="1" collapsed="1" x14ac:dyDescent="0.3">
      <c r="A159" s="103"/>
      <c r="B159" s="79" t="s">
        <v>1025</v>
      </c>
      <c r="C159" s="103" t="s">
        <v>858</v>
      </c>
      <c r="D159" s="103" t="s">
        <v>859</v>
      </c>
      <c r="E159" s="81"/>
      <c r="F159" s="80" t="s">
        <v>823</v>
      </c>
      <c r="G159" s="80"/>
    </row>
    <row r="160" spans="1:7" x14ac:dyDescent="0.3">
      <c r="A160" s="156" t="s">
        <v>1026</v>
      </c>
      <c r="B160" s="156" t="s">
        <v>1027</v>
      </c>
      <c r="C160" s="171">
        <v>0.30130000000000001</v>
      </c>
      <c r="D160" s="171">
        <v>0</v>
      </c>
      <c r="E160" s="190"/>
      <c r="F160" s="171">
        <f>SUM(C160:D160)</f>
        <v>0.30130000000000001</v>
      </c>
    </row>
    <row r="161" spans="1:7" x14ac:dyDescent="0.3">
      <c r="A161" s="156" t="s">
        <v>1028</v>
      </c>
      <c r="B161" s="156" t="s">
        <v>1029</v>
      </c>
      <c r="C161" s="171">
        <v>0.69869999999999999</v>
      </c>
      <c r="D161" s="171">
        <v>0</v>
      </c>
      <c r="E161" s="190"/>
      <c r="F161" s="171">
        <f>SUM(C161:D161)</f>
        <v>0.69869999999999999</v>
      </c>
    </row>
    <row r="162" spans="1:7" x14ac:dyDescent="0.3">
      <c r="A162" s="156" t="s">
        <v>1030</v>
      </c>
      <c r="B162" s="156" t="s">
        <v>364</v>
      </c>
      <c r="C162" s="171">
        <v>0</v>
      </c>
      <c r="D162" s="171">
        <v>0</v>
      </c>
      <c r="E162" s="190"/>
      <c r="F162" s="171">
        <f>SUM(C162:D162)</f>
        <v>0</v>
      </c>
    </row>
    <row r="163" spans="1:7" hidden="1" outlineLevel="1" x14ac:dyDescent="0.3">
      <c r="A163" s="156" t="s">
        <v>1031</v>
      </c>
      <c r="E163" s="128"/>
    </row>
    <row r="164" spans="1:7" hidden="1" outlineLevel="1" x14ac:dyDescent="0.3">
      <c r="A164" s="156" t="s">
        <v>1032</v>
      </c>
      <c r="E164" s="128"/>
    </row>
    <row r="165" spans="1:7" hidden="1" outlineLevel="1" x14ac:dyDescent="0.3">
      <c r="A165" s="156" t="s">
        <v>1033</v>
      </c>
      <c r="E165" s="128"/>
    </row>
    <row r="166" spans="1:7" hidden="1" outlineLevel="1" x14ac:dyDescent="0.3">
      <c r="A166" s="156" t="s">
        <v>1034</v>
      </c>
      <c r="E166" s="128"/>
    </row>
    <row r="167" spans="1:7" hidden="1" outlineLevel="1" x14ac:dyDescent="0.3">
      <c r="A167" s="156" t="s">
        <v>1035</v>
      </c>
      <c r="E167" s="128"/>
    </row>
    <row r="168" spans="1:7" hidden="1" outlineLevel="1" x14ac:dyDescent="0.3">
      <c r="A168" s="156" t="s">
        <v>1036</v>
      </c>
      <c r="E168" s="128"/>
    </row>
    <row r="169" spans="1:7" ht="15" customHeight="1" collapsed="1" x14ac:dyDescent="0.3">
      <c r="A169" s="103"/>
      <c r="B169" s="79" t="s">
        <v>1037</v>
      </c>
      <c r="C169" s="103" t="s">
        <v>858</v>
      </c>
      <c r="D169" s="103" t="s">
        <v>859</v>
      </c>
      <c r="E169" s="81"/>
      <c r="F169" s="80" t="s">
        <v>823</v>
      </c>
      <c r="G169" s="80"/>
    </row>
    <row r="170" spans="1:7" x14ac:dyDescent="0.3">
      <c r="A170" s="156" t="s">
        <v>1038</v>
      </c>
      <c r="B170" s="108" t="s">
        <v>1039</v>
      </c>
      <c r="C170" s="171">
        <v>9.06E-2</v>
      </c>
      <c r="D170" s="171">
        <v>0</v>
      </c>
      <c r="E170" s="190"/>
      <c r="F170" s="171">
        <f>SUM(C170:D170)</f>
        <v>9.06E-2</v>
      </c>
    </row>
    <row r="171" spans="1:7" x14ac:dyDescent="0.3">
      <c r="A171" s="156" t="s">
        <v>1040</v>
      </c>
      <c r="B171" s="108" t="s">
        <v>1041</v>
      </c>
      <c r="C171" s="171">
        <v>0.108</v>
      </c>
      <c r="D171" s="171">
        <v>0</v>
      </c>
      <c r="E171" s="190"/>
      <c r="F171" s="171">
        <f>SUM(C171:D171)</f>
        <v>0.108</v>
      </c>
    </row>
    <row r="172" spans="1:7" x14ac:dyDescent="0.3">
      <c r="A172" s="156" t="s">
        <v>1042</v>
      </c>
      <c r="B172" s="108" t="s">
        <v>1043</v>
      </c>
      <c r="C172" s="171">
        <v>9.6799999999999997E-2</v>
      </c>
      <c r="D172" s="171">
        <v>0</v>
      </c>
      <c r="E172" s="173"/>
      <c r="F172" s="171">
        <f>SUM(C172:D172)</f>
        <v>9.6799999999999997E-2</v>
      </c>
    </row>
    <row r="173" spans="1:7" x14ac:dyDescent="0.3">
      <c r="A173" s="156" t="s">
        <v>1044</v>
      </c>
      <c r="B173" s="108" t="s">
        <v>1045</v>
      </c>
      <c r="C173" s="171">
        <v>0.1484</v>
      </c>
      <c r="D173" s="171">
        <v>0</v>
      </c>
      <c r="E173" s="173"/>
      <c r="F173" s="171">
        <f>SUM(C173:D173)</f>
        <v>0.1484</v>
      </c>
    </row>
    <row r="174" spans="1:7" x14ac:dyDescent="0.3">
      <c r="A174" s="156" t="s">
        <v>1046</v>
      </c>
      <c r="B174" s="108" t="s">
        <v>1047</v>
      </c>
      <c r="C174" s="171">
        <v>0.53049999999999997</v>
      </c>
      <c r="D174" s="171">
        <v>0</v>
      </c>
      <c r="E174" s="173"/>
      <c r="F174" s="171">
        <f>SUM(C174:D174)</f>
        <v>0.53049999999999997</v>
      </c>
    </row>
    <row r="175" spans="1:7" hidden="1" outlineLevel="1" x14ac:dyDescent="0.3">
      <c r="A175" s="156" t="s">
        <v>1048</v>
      </c>
      <c r="B175" s="104"/>
      <c r="C175" s="173"/>
      <c r="D175" s="173"/>
      <c r="E175" s="173"/>
      <c r="F175" s="173"/>
    </row>
    <row r="176" spans="1:7" hidden="1" outlineLevel="1" x14ac:dyDescent="0.3">
      <c r="A176" s="156" t="s">
        <v>1049</v>
      </c>
      <c r="B176" s="104"/>
      <c r="C176" s="173"/>
      <c r="D176" s="173"/>
      <c r="E176" s="173"/>
      <c r="F176" s="173"/>
    </row>
    <row r="177" spans="1:7" hidden="1" outlineLevel="1" x14ac:dyDescent="0.3">
      <c r="A177" s="156" t="s">
        <v>1050</v>
      </c>
      <c r="B177" s="108"/>
      <c r="C177" s="173"/>
      <c r="D177" s="173"/>
      <c r="E177" s="173"/>
      <c r="F177" s="173"/>
    </row>
    <row r="178" spans="1:7" hidden="1" outlineLevel="1" x14ac:dyDescent="0.3">
      <c r="A178" s="156" t="s">
        <v>1051</v>
      </c>
      <c r="B178" s="108"/>
      <c r="C178" s="173"/>
      <c r="D178" s="173"/>
      <c r="E178" s="173"/>
      <c r="F178" s="173"/>
    </row>
    <row r="179" spans="1:7" ht="15" customHeight="1" collapsed="1" x14ac:dyDescent="0.3">
      <c r="A179" s="103"/>
      <c r="B179" s="149" t="s">
        <v>1052</v>
      </c>
      <c r="C179" s="103" t="s">
        <v>858</v>
      </c>
      <c r="D179" s="103" t="s">
        <v>859</v>
      </c>
      <c r="E179" s="103"/>
      <c r="F179" s="103" t="s">
        <v>823</v>
      </c>
      <c r="G179" s="80"/>
    </row>
    <row r="180" spans="1:7" x14ac:dyDescent="0.3">
      <c r="A180" s="156" t="s">
        <v>1053</v>
      </c>
      <c r="B180" s="156" t="s">
        <v>1054</v>
      </c>
      <c r="C180" s="171">
        <v>6.9999999999999999E-4</v>
      </c>
      <c r="D180" s="171">
        <v>0</v>
      </c>
      <c r="E180" s="190"/>
      <c r="F180" s="171">
        <f>SUM(C180:D180)</f>
        <v>6.9999999999999999E-4</v>
      </c>
    </row>
    <row r="181" spans="1:7" outlineLevel="1" x14ac:dyDescent="0.3">
      <c r="A181" s="156" t="s">
        <v>1055</v>
      </c>
      <c r="B181" s="114" t="s">
        <v>1056</v>
      </c>
      <c r="C181" s="166" t="s">
        <v>1165</v>
      </c>
      <c r="D181" s="171">
        <v>0</v>
      </c>
      <c r="E181" s="190"/>
      <c r="F181" s="171">
        <f>SUM(C181:D181)</f>
        <v>0</v>
      </c>
    </row>
    <row r="182" spans="1:7" hidden="1" outlineLevel="1" x14ac:dyDescent="0.3">
      <c r="A182" s="156" t="s">
        <v>1058</v>
      </c>
      <c r="B182" s="109"/>
      <c r="C182" s="173"/>
      <c r="D182" s="173"/>
      <c r="E182" s="190"/>
      <c r="F182" s="173"/>
    </row>
    <row r="183" spans="1:7" hidden="1" outlineLevel="1" x14ac:dyDescent="0.3">
      <c r="A183" s="156" t="s">
        <v>1059</v>
      </c>
      <c r="B183" s="109"/>
      <c r="C183" s="173"/>
      <c r="D183" s="173"/>
      <c r="E183" s="190"/>
      <c r="F183" s="173"/>
    </row>
    <row r="184" spans="1:7" hidden="1" outlineLevel="1" x14ac:dyDescent="0.3">
      <c r="A184" s="156" t="s">
        <v>1060</v>
      </c>
      <c r="B184" s="109"/>
      <c r="C184" s="173"/>
      <c r="D184" s="173"/>
      <c r="E184" s="190"/>
      <c r="F184" s="173"/>
    </row>
    <row r="185" spans="1:7" ht="18.75" customHeight="1" x14ac:dyDescent="0.3">
      <c r="A185" s="110"/>
      <c r="B185" s="82" t="s">
        <v>820</v>
      </c>
      <c r="C185" s="110"/>
      <c r="D185" s="110"/>
      <c r="E185" s="110"/>
      <c r="F185" s="83"/>
      <c r="G185" s="83"/>
    </row>
    <row r="186" spans="1:7" ht="15" customHeight="1" x14ac:dyDescent="0.3">
      <c r="A186" s="103"/>
      <c r="B186" s="79" t="s">
        <v>1061</v>
      </c>
      <c r="C186" s="103" t="s">
        <v>1062</v>
      </c>
      <c r="D186" s="103" t="s">
        <v>1063</v>
      </c>
      <c r="E186" s="81"/>
      <c r="F186" s="103" t="s">
        <v>858</v>
      </c>
      <c r="G186" s="103" t="s">
        <v>1064</v>
      </c>
    </row>
    <row r="187" spans="1:7" x14ac:dyDescent="0.3">
      <c r="A187" s="156" t="s">
        <v>1065</v>
      </c>
      <c r="B187" s="151" t="s">
        <v>1066</v>
      </c>
      <c r="C187" s="169">
        <v>936.9</v>
      </c>
      <c r="E187" s="129"/>
      <c r="F187" s="94"/>
      <c r="G187" s="94"/>
    </row>
    <row r="188" spans="1:7" x14ac:dyDescent="0.3">
      <c r="A188" s="129"/>
      <c r="B188" s="113"/>
      <c r="C188" s="129"/>
      <c r="D188" s="129"/>
      <c r="E188" s="129"/>
      <c r="F188" s="94"/>
      <c r="G188" s="94"/>
    </row>
    <row r="189" spans="1:7" x14ac:dyDescent="0.3">
      <c r="B189" s="151" t="s">
        <v>1067</v>
      </c>
      <c r="C189" s="129"/>
      <c r="D189" s="129"/>
      <c r="E189" s="129"/>
      <c r="F189" s="94"/>
      <c r="G189" s="94"/>
    </row>
    <row r="190" spans="1:7" x14ac:dyDescent="0.3">
      <c r="A190" s="156" t="s">
        <v>1068</v>
      </c>
      <c r="B190" s="166" t="s">
        <v>1069</v>
      </c>
      <c r="C190" s="169">
        <v>22902.65</v>
      </c>
      <c r="D190" s="169">
        <v>157661</v>
      </c>
      <c r="E190" s="129"/>
      <c r="F190" s="174">
        <f t="shared" ref="F190:F213" si="3">IF($C$214=0,"",IF(C190="[for completion]","",IF(C190="","",C190/$C$214)))</f>
        <v>3.2410551779148977E-2</v>
      </c>
      <c r="G190" s="174">
        <f t="shared" ref="G190:G213" si="4">IF($D$214=0,"",IF(D190="[for completion]","",IF(D190="","",D190/$D$214)))</f>
        <v>0.20903404239521847</v>
      </c>
    </row>
    <row r="191" spans="1:7" x14ac:dyDescent="0.3">
      <c r="A191" s="156" t="s">
        <v>1070</v>
      </c>
      <c r="B191" s="166" t="s">
        <v>1071</v>
      </c>
      <c r="C191" s="169">
        <v>65162.97</v>
      </c>
      <c r="D191" s="169">
        <v>169547</v>
      </c>
      <c r="E191" s="129"/>
      <c r="F191" s="174">
        <f t="shared" si="3"/>
        <v>9.2214997533828238E-2</v>
      </c>
      <c r="G191" s="174">
        <f t="shared" si="4"/>
        <v>0.22479303560158889</v>
      </c>
    </row>
    <row r="192" spans="1:7" x14ac:dyDescent="0.3">
      <c r="A192" s="156" t="s">
        <v>1072</v>
      </c>
      <c r="B192" s="166" t="s">
        <v>1073</v>
      </c>
      <c r="C192" s="169">
        <v>81048.28</v>
      </c>
      <c r="D192" s="169">
        <v>129509</v>
      </c>
      <c r="E192" s="129"/>
      <c r="F192" s="174">
        <f t="shared" si="3"/>
        <v>0.11469500147585386</v>
      </c>
      <c r="G192" s="174">
        <f t="shared" si="4"/>
        <v>0.17170885505332548</v>
      </c>
    </row>
    <row r="193" spans="1:7" x14ac:dyDescent="0.3">
      <c r="A193" s="156" t="s">
        <v>1074</v>
      </c>
      <c r="B193" s="166" t="s">
        <v>1075</v>
      </c>
      <c r="C193" s="169">
        <v>103524.16</v>
      </c>
      <c r="D193" s="169">
        <v>115733</v>
      </c>
      <c r="E193" s="129"/>
      <c r="F193" s="174">
        <f t="shared" si="3"/>
        <v>0.14650161217470045</v>
      </c>
      <c r="G193" s="174">
        <f t="shared" si="4"/>
        <v>0.15344401487067708</v>
      </c>
    </row>
    <row r="194" spans="1:7" x14ac:dyDescent="0.3">
      <c r="A194" s="156" t="s">
        <v>1076</v>
      </c>
      <c r="B194" s="166" t="s">
        <v>1077</v>
      </c>
      <c r="C194" s="169">
        <v>191544.56</v>
      </c>
      <c r="D194" s="169">
        <v>137785</v>
      </c>
      <c r="E194" s="129"/>
      <c r="F194" s="174">
        <f t="shared" si="3"/>
        <v>0.271063168668006</v>
      </c>
      <c r="G194" s="174">
        <f t="shared" si="4"/>
        <v>0.18268154795050887</v>
      </c>
    </row>
    <row r="195" spans="1:7" x14ac:dyDescent="0.3">
      <c r="A195" s="156" t="s">
        <v>1078</v>
      </c>
      <c r="B195" s="166" t="s">
        <v>1079</v>
      </c>
      <c r="C195" s="169">
        <v>59355.51</v>
      </c>
      <c r="D195" s="169">
        <v>24299</v>
      </c>
      <c r="E195" s="129"/>
      <c r="F195" s="174">
        <f t="shared" si="3"/>
        <v>8.3996604333245059E-2</v>
      </c>
      <c r="G195" s="174">
        <f t="shared" si="4"/>
        <v>3.2216706707184489E-2</v>
      </c>
    </row>
    <row r="196" spans="1:7" x14ac:dyDescent="0.3">
      <c r="A196" s="156" t="s">
        <v>1080</v>
      </c>
      <c r="B196" s="166" t="s">
        <v>1081</v>
      </c>
      <c r="C196" s="169">
        <v>24657.14</v>
      </c>
      <c r="D196" s="169">
        <v>7063</v>
      </c>
      <c r="E196" s="129"/>
      <c r="F196" s="174">
        <f t="shared" si="3"/>
        <v>3.4893408085777206E-2</v>
      </c>
      <c r="G196" s="174">
        <f t="shared" si="4"/>
        <v>9.3644429594980875E-3</v>
      </c>
    </row>
    <row r="197" spans="1:7" x14ac:dyDescent="0.3">
      <c r="A197" s="156" t="s">
        <v>1082</v>
      </c>
      <c r="B197" s="166" t="s">
        <v>1083</v>
      </c>
      <c r="C197" s="169">
        <v>16701.919999999998</v>
      </c>
      <c r="D197" s="169">
        <v>3658</v>
      </c>
      <c r="E197" s="129"/>
      <c r="F197" s="174">
        <f t="shared" si="3"/>
        <v>2.3635624828183804E-2</v>
      </c>
      <c r="G197" s="174">
        <f t="shared" si="4"/>
        <v>4.8499408673147396E-3</v>
      </c>
    </row>
    <row r="198" spans="1:7" x14ac:dyDescent="0.3">
      <c r="A198" s="156" t="s">
        <v>1084</v>
      </c>
      <c r="B198" s="166" t="s">
        <v>1085</v>
      </c>
      <c r="C198" s="169">
        <v>36562.32</v>
      </c>
      <c r="D198" s="169">
        <v>5205</v>
      </c>
      <c r="E198" s="129"/>
      <c r="F198" s="174">
        <f t="shared" si="3"/>
        <v>5.1740954235680772E-2</v>
      </c>
      <c r="G198" s="174">
        <f t="shared" si="4"/>
        <v>6.9010230219719026E-3</v>
      </c>
    </row>
    <row r="199" spans="1:7" x14ac:dyDescent="0.3">
      <c r="A199" s="156" t="s">
        <v>1086</v>
      </c>
      <c r="B199" s="166" t="s">
        <v>1087</v>
      </c>
      <c r="C199" s="169">
        <v>32870.050000000003</v>
      </c>
      <c r="D199" s="169">
        <v>2324</v>
      </c>
      <c r="E199" s="151"/>
      <c r="F199" s="174">
        <f t="shared" si="3"/>
        <v>4.6515859846271761E-2</v>
      </c>
      <c r="G199" s="174">
        <f t="shared" si="4"/>
        <v>3.0812636893492221E-3</v>
      </c>
    </row>
    <row r="200" spans="1:7" x14ac:dyDescent="0.3">
      <c r="A200" s="156" t="s">
        <v>1088</v>
      </c>
      <c r="B200" s="166" t="s">
        <v>1089</v>
      </c>
      <c r="C200" s="169">
        <v>32956.519999999997</v>
      </c>
      <c r="D200" s="169">
        <v>1070</v>
      </c>
      <c r="E200" s="151"/>
      <c r="F200" s="174">
        <f t="shared" si="3"/>
        <v>4.6638227363233455E-2</v>
      </c>
      <c r="G200" s="174">
        <f t="shared" si="4"/>
        <v>1.418654108263196E-3</v>
      </c>
    </row>
    <row r="201" spans="1:7" x14ac:dyDescent="0.3">
      <c r="A201" s="156" t="s">
        <v>1090</v>
      </c>
      <c r="B201" s="166" t="s">
        <v>1091</v>
      </c>
      <c r="C201" s="169">
        <v>39355.699999999997</v>
      </c>
      <c r="D201" s="169">
        <v>382</v>
      </c>
      <c r="E201" s="151"/>
      <c r="F201" s="174">
        <f t="shared" si="3"/>
        <v>5.569398967607038E-2</v>
      </c>
      <c r="G201" s="174">
        <f t="shared" si="4"/>
        <v>5.0647277509957101E-4</v>
      </c>
    </row>
    <row r="202" spans="1:7" hidden="1" x14ac:dyDescent="0.3">
      <c r="A202" s="156" t="s">
        <v>1092</v>
      </c>
      <c r="B202" s="166"/>
      <c r="C202" s="166"/>
      <c r="D202" s="166"/>
      <c r="E202" s="151"/>
      <c r="F202" s="174" t="str">
        <f t="shared" si="3"/>
        <v/>
      </c>
      <c r="G202" s="174" t="str">
        <f t="shared" si="4"/>
        <v/>
      </c>
    </row>
    <row r="203" spans="1:7" hidden="1" x14ac:dyDescent="0.3">
      <c r="A203" s="156" t="s">
        <v>1093</v>
      </c>
      <c r="B203" s="166"/>
      <c r="C203" s="166"/>
      <c r="D203" s="166"/>
      <c r="E203" s="151"/>
      <c r="F203" s="174" t="str">
        <f t="shared" si="3"/>
        <v/>
      </c>
      <c r="G203" s="174" t="str">
        <f t="shared" si="4"/>
        <v/>
      </c>
    </row>
    <row r="204" spans="1:7" hidden="1" x14ac:dyDescent="0.3">
      <c r="A204" s="156" t="s">
        <v>1094</v>
      </c>
      <c r="B204" s="166"/>
      <c r="C204" s="166"/>
      <c r="D204" s="166"/>
      <c r="E204" s="151"/>
      <c r="F204" s="174" t="str">
        <f t="shared" si="3"/>
        <v/>
      </c>
      <c r="G204" s="174" t="str">
        <f t="shared" si="4"/>
        <v/>
      </c>
    </row>
    <row r="205" spans="1:7" hidden="1" x14ac:dyDescent="0.3">
      <c r="A205" s="156" t="s">
        <v>1095</v>
      </c>
      <c r="B205" s="166"/>
      <c r="C205" s="166"/>
      <c r="D205" s="166"/>
      <c r="F205" s="174" t="str">
        <f t="shared" si="3"/>
        <v/>
      </c>
      <c r="G205" s="174" t="str">
        <f t="shared" si="4"/>
        <v/>
      </c>
    </row>
    <row r="206" spans="1:7" hidden="1" x14ac:dyDescent="0.3">
      <c r="A206" s="156" t="s">
        <v>1096</v>
      </c>
      <c r="B206" s="166"/>
      <c r="C206" s="166"/>
      <c r="D206" s="166"/>
      <c r="E206" s="114"/>
      <c r="F206" s="174" t="str">
        <f t="shared" si="3"/>
        <v/>
      </c>
      <c r="G206" s="174" t="str">
        <f t="shared" si="4"/>
        <v/>
      </c>
    </row>
    <row r="207" spans="1:7" hidden="1" x14ac:dyDescent="0.3">
      <c r="A207" s="156" t="s">
        <v>1097</v>
      </c>
      <c r="B207" s="166"/>
      <c r="C207" s="166"/>
      <c r="D207" s="166"/>
      <c r="E207" s="114"/>
      <c r="F207" s="174" t="str">
        <f t="shared" si="3"/>
        <v/>
      </c>
      <c r="G207" s="174" t="str">
        <f t="shared" si="4"/>
        <v/>
      </c>
    </row>
    <row r="208" spans="1:7" hidden="1" x14ac:dyDescent="0.3">
      <c r="A208" s="156" t="s">
        <v>1098</v>
      </c>
      <c r="B208" s="166"/>
      <c r="C208" s="166"/>
      <c r="D208" s="166"/>
      <c r="E208" s="114"/>
      <c r="F208" s="174" t="str">
        <f t="shared" si="3"/>
        <v/>
      </c>
      <c r="G208" s="174" t="str">
        <f t="shared" si="4"/>
        <v/>
      </c>
    </row>
    <row r="209" spans="1:7" hidden="1" x14ac:dyDescent="0.3">
      <c r="A209" s="156" t="s">
        <v>1099</v>
      </c>
      <c r="B209" s="166"/>
      <c r="C209" s="166"/>
      <c r="D209" s="166"/>
      <c r="E209" s="114"/>
      <c r="F209" s="174" t="str">
        <f t="shared" si="3"/>
        <v/>
      </c>
      <c r="G209" s="174" t="str">
        <f t="shared" si="4"/>
        <v/>
      </c>
    </row>
    <row r="210" spans="1:7" hidden="1" x14ac:dyDescent="0.3">
      <c r="A210" s="156" t="s">
        <v>1100</v>
      </c>
      <c r="B210" s="166"/>
      <c r="C210" s="166"/>
      <c r="D210" s="166"/>
      <c r="E210" s="114"/>
      <c r="F210" s="174" t="str">
        <f t="shared" si="3"/>
        <v/>
      </c>
      <c r="G210" s="174" t="str">
        <f t="shared" si="4"/>
        <v/>
      </c>
    </row>
    <row r="211" spans="1:7" hidden="1" x14ac:dyDescent="0.3">
      <c r="A211" s="156" t="s">
        <v>1101</v>
      </c>
      <c r="B211" s="166"/>
      <c r="C211" s="166"/>
      <c r="D211" s="166"/>
      <c r="E211" s="114"/>
      <c r="F211" s="174" t="str">
        <f t="shared" si="3"/>
        <v/>
      </c>
      <c r="G211" s="174" t="str">
        <f t="shared" si="4"/>
        <v/>
      </c>
    </row>
    <row r="212" spans="1:7" hidden="1" x14ac:dyDescent="0.3">
      <c r="A212" s="156" t="s">
        <v>1102</v>
      </c>
      <c r="B212" s="166"/>
      <c r="C212" s="166"/>
      <c r="D212" s="166"/>
      <c r="E212" s="114"/>
      <c r="F212" s="174" t="str">
        <f t="shared" si="3"/>
        <v/>
      </c>
      <c r="G212" s="174" t="str">
        <f t="shared" si="4"/>
        <v/>
      </c>
    </row>
    <row r="213" spans="1:7" hidden="1" x14ac:dyDescent="0.3">
      <c r="A213" s="156" t="s">
        <v>1103</v>
      </c>
      <c r="B213" s="166"/>
      <c r="C213" s="166"/>
      <c r="D213" s="166"/>
      <c r="E213" s="114"/>
      <c r="F213" s="174" t="str">
        <f t="shared" si="3"/>
        <v/>
      </c>
      <c r="G213" s="174" t="str">
        <f t="shared" si="4"/>
        <v/>
      </c>
    </row>
    <row r="214" spans="1:7" x14ac:dyDescent="0.3">
      <c r="A214" s="156" t="s">
        <v>1104</v>
      </c>
      <c r="B214" s="115" t="s">
        <v>366</v>
      </c>
      <c r="C214" s="169">
        <f>SUM(C190:C213)</f>
        <v>706641.78</v>
      </c>
      <c r="D214" s="116">
        <f>SUM(D190:D213)</f>
        <v>754236</v>
      </c>
      <c r="E214" s="114"/>
      <c r="F214" s="175">
        <f>SUM(F190:F213)</f>
        <v>1</v>
      </c>
      <c r="G214" s="175">
        <f>SUM(G190:G213)</f>
        <v>1</v>
      </c>
    </row>
    <row r="215" spans="1:7" ht="15" customHeight="1" x14ac:dyDescent="0.3">
      <c r="A215" s="103"/>
      <c r="B215" s="103" t="s">
        <v>1105</v>
      </c>
      <c r="C215" s="103" t="s">
        <v>1062</v>
      </c>
      <c r="D215" s="103" t="s">
        <v>1063</v>
      </c>
      <c r="E215" s="81"/>
      <c r="F215" s="103" t="s">
        <v>858</v>
      </c>
      <c r="G215" s="103" t="s">
        <v>1064</v>
      </c>
    </row>
    <row r="216" spans="1:7" x14ac:dyDescent="0.3">
      <c r="A216" s="156" t="s">
        <v>1106</v>
      </c>
      <c r="B216" s="156" t="s">
        <v>1107</v>
      </c>
      <c r="C216" s="171">
        <v>0.54259999999999997</v>
      </c>
      <c r="F216" s="188"/>
      <c r="G216" s="188"/>
    </row>
    <row r="217" spans="1:7" x14ac:dyDescent="0.3">
      <c r="F217" s="188"/>
      <c r="G217" s="188"/>
    </row>
    <row r="218" spans="1:7" x14ac:dyDescent="0.3">
      <c r="B218" s="151" t="s">
        <v>1108</v>
      </c>
      <c r="F218" s="188"/>
      <c r="G218" s="188"/>
    </row>
    <row r="219" spans="1:7" x14ac:dyDescent="0.3">
      <c r="A219" s="156" t="s">
        <v>1109</v>
      </c>
      <c r="B219" s="156" t="s">
        <v>1110</v>
      </c>
      <c r="C219" s="169">
        <v>525478.94999999995</v>
      </c>
      <c r="D219" s="166" t="s">
        <v>360</v>
      </c>
      <c r="F219" s="174">
        <f t="shared" ref="F219:F226" si="5">IF($C$227=0,"",IF(C219="[for completion]","",C219/$C$227))</f>
        <v>0.74363003355455382</v>
      </c>
      <c r="G219" s="174" t="str">
        <f t="shared" ref="G219:G226" si="6">IF($D$227=0,"",IF(D219="[for completion]","",D219/$D$227))</f>
        <v/>
      </c>
    </row>
    <row r="220" spans="1:7" x14ac:dyDescent="0.3">
      <c r="A220" s="156" t="s">
        <v>1111</v>
      </c>
      <c r="B220" s="156" t="s">
        <v>1112</v>
      </c>
      <c r="C220" s="169">
        <v>79697.69</v>
      </c>
      <c r="D220" s="166" t="s">
        <v>360</v>
      </c>
      <c r="F220" s="174">
        <f t="shared" si="5"/>
        <v>0.11278395811843736</v>
      </c>
      <c r="G220" s="174" t="str">
        <f t="shared" si="6"/>
        <v/>
      </c>
    </row>
    <row r="221" spans="1:7" x14ac:dyDescent="0.3">
      <c r="A221" s="156" t="s">
        <v>1113</v>
      </c>
      <c r="B221" s="156" t="s">
        <v>1114</v>
      </c>
      <c r="C221" s="169">
        <v>53781.47</v>
      </c>
      <c r="D221" s="166" t="s">
        <v>360</v>
      </c>
      <c r="F221" s="174">
        <f t="shared" si="5"/>
        <v>7.6108693489459922E-2</v>
      </c>
      <c r="G221" s="174" t="str">
        <f t="shared" si="6"/>
        <v/>
      </c>
    </row>
    <row r="222" spans="1:7" x14ac:dyDescent="0.3">
      <c r="A222" s="156" t="s">
        <v>1115</v>
      </c>
      <c r="B222" s="156" t="s">
        <v>1116</v>
      </c>
      <c r="C222" s="169">
        <v>33747.519999999997</v>
      </c>
      <c r="D222" s="166" t="s">
        <v>360</v>
      </c>
      <c r="F222" s="174">
        <f t="shared" si="5"/>
        <v>4.7757706431405061E-2</v>
      </c>
      <c r="G222" s="174" t="str">
        <f t="shared" si="6"/>
        <v/>
      </c>
    </row>
    <row r="223" spans="1:7" x14ac:dyDescent="0.3">
      <c r="A223" s="156" t="s">
        <v>1117</v>
      </c>
      <c r="B223" s="156" t="s">
        <v>1118</v>
      </c>
      <c r="C223" s="169">
        <v>12902.52</v>
      </c>
      <c r="D223" s="166" t="s">
        <v>360</v>
      </c>
      <c r="F223" s="174">
        <f t="shared" si="5"/>
        <v>1.8258964284941011E-2</v>
      </c>
      <c r="G223" s="174" t="str">
        <f t="shared" si="6"/>
        <v/>
      </c>
    </row>
    <row r="224" spans="1:7" x14ac:dyDescent="0.3">
      <c r="A224" s="156" t="s">
        <v>1119</v>
      </c>
      <c r="B224" s="156" t="s">
        <v>1120</v>
      </c>
      <c r="C224" s="169">
        <v>838.1</v>
      </c>
      <c r="D224" s="166" t="s">
        <v>360</v>
      </c>
      <c r="F224" s="174">
        <f t="shared" si="5"/>
        <v>1.1860348185632776E-3</v>
      </c>
      <c r="G224" s="174" t="str">
        <f t="shared" si="6"/>
        <v/>
      </c>
    </row>
    <row r="225" spans="1:7" x14ac:dyDescent="0.3">
      <c r="A225" s="156" t="s">
        <v>1121</v>
      </c>
      <c r="B225" s="156" t="s">
        <v>1122</v>
      </c>
      <c r="C225" s="169">
        <v>194.05</v>
      </c>
      <c r="D225" s="166" t="s">
        <v>360</v>
      </c>
      <c r="F225" s="174">
        <f t="shared" si="5"/>
        <v>2.7460930263954666E-4</v>
      </c>
      <c r="G225" s="174" t="str">
        <f t="shared" si="6"/>
        <v/>
      </c>
    </row>
    <row r="226" spans="1:7" x14ac:dyDescent="0.3">
      <c r="A226" s="156" t="s">
        <v>1123</v>
      </c>
      <c r="B226" s="156" t="s">
        <v>1124</v>
      </c>
      <c r="C226" s="169">
        <v>0</v>
      </c>
      <c r="D226" s="166" t="s">
        <v>360</v>
      </c>
      <c r="F226" s="174">
        <f t="shared" si="5"/>
        <v>0</v>
      </c>
      <c r="G226" s="174" t="str">
        <f t="shared" si="6"/>
        <v/>
      </c>
    </row>
    <row r="227" spans="1:7" x14ac:dyDescent="0.3">
      <c r="A227" s="156" t="s">
        <v>1125</v>
      </c>
      <c r="B227" s="115" t="s">
        <v>366</v>
      </c>
      <c r="C227" s="169">
        <f>SUM(C219:C226)</f>
        <v>706640.29999999993</v>
      </c>
      <c r="D227" s="147">
        <f>SUM(D219:D226)</f>
        <v>0</v>
      </c>
      <c r="F227" s="173">
        <f>SUM(F219:F226)</f>
        <v>1</v>
      </c>
      <c r="G227" s="173">
        <f>SUM(G219:G226)</f>
        <v>0</v>
      </c>
    </row>
    <row r="228" spans="1:7" hidden="1" outlineLevel="1" x14ac:dyDescent="0.3">
      <c r="A228" s="156" t="s">
        <v>1126</v>
      </c>
      <c r="B228" s="106" t="s">
        <v>1127</v>
      </c>
      <c r="C228" s="170"/>
      <c r="D228" s="147"/>
      <c r="F228" s="174">
        <f t="shared" ref="F228:F233" si="7">IF($C$227=0,"",IF(C228="[for completion]","",C228/$C$227))</f>
        <v>0</v>
      </c>
      <c r="G228" s="174" t="str">
        <f t="shared" ref="G228:G233" si="8">IF($D$227=0,"",IF(D228="[for completion]","",D228/$D$227))</f>
        <v/>
      </c>
    </row>
    <row r="229" spans="1:7" hidden="1" outlineLevel="1" x14ac:dyDescent="0.3">
      <c r="A229" s="156" t="s">
        <v>1128</v>
      </c>
      <c r="B229" s="106" t="s">
        <v>1129</v>
      </c>
      <c r="C229" s="170"/>
      <c r="D229" s="147"/>
      <c r="F229" s="174">
        <f t="shared" si="7"/>
        <v>0</v>
      </c>
      <c r="G229" s="174" t="str">
        <f t="shared" si="8"/>
        <v/>
      </c>
    </row>
    <row r="230" spans="1:7" hidden="1" outlineLevel="1" x14ac:dyDescent="0.3">
      <c r="A230" s="156" t="s">
        <v>1130</v>
      </c>
      <c r="B230" s="106" t="s">
        <v>1131</v>
      </c>
      <c r="C230" s="170"/>
      <c r="D230" s="147"/>
      <c r="F230" s="174">
        <f t="shared" si="7"/>
        <v>0</v>
      </c>
      <c r="G230" s="174" t="str">
        <f t="shared" si="8"/>
        <v/>
      </c>
    </row>
    <row r="231" spans="1:7" hidden="1" outlineLevel="1" x14ac:dyDescent="0.3">
      <c r="A231" s="156" t="s">
        <v>1132</v>
      </c>
      <c r="B231" s="106" t="s">
        <v>1133</v>
      </c>
      <c r="C231" s="170"/>
      <c r="D231" s="147"/>
      <c r="F231" s="174">
        <f t="shared" si="7"/>
        <v>0</v>
      </c>
      <c r="G231" s="174" t="str">
        <f t="shared" si="8"/>
        <v/>
      </c>
    </row>
    <row r="232" spans="1:7" hidden="1" outlineLevel="1" x14ac:dyDescent="0.3">
      <c r="A232" s="156" t="s">
        <v>1134</v>
      </c>
      <c r="B232" s="106" t="s">
        <v>1135</v>
      </c>
      <c r="C232" s="170"/>
      <c r="D232" s="147"/>
      <c r="F232" s="174">
        <f t="shared" si="7"/>
        <v>0</v>
      </c>
      <c r="G232" s="174" t="str">
        <f t="shared" si="8"/>
        <v/>
      </c>
    </row>
    <row r="233" spans="1:7" hidden="1" outlineLevel="1" x14ac:dyDescent="0.3">
      <c r="A233" s="156" t="s">
        <v>1136</v>
      </c>
      <c r="B233" s="106" t="s">
        <v>1137</v>
      </c>
      <c r="C233" s="170"/>
      <c r="D233" s="147"/>
      <c r="F233" s="174">
        <f t="shared" si="7"/>
        <v>0</v>
      </c>
      <c r="G233" s="174" t="str">
        <f t="shared" si="8"/>
        <v/>
      </c>
    </row>
    <row r="234" spans="1:7" hidden="1" outlineLevel="1" x14ac:dyDescent="0.3">
      <c r="A234" s="156" t="s">
        <v>1138</v>
      </c>
      <c r="B234" s="106"/>
      <c r="F234" s="174"/>
      <c r="G234" s="174"/>
    </row>
    <row r="235" spans="1:7" hidden="1" outlineLevel="1" x14ac:dyDescent="0.3">
      <c r="A235" s="156" t="s">
        <v>1139</v>
      </c>
      <c r="B235" s="106"/>
      <c r="F235" s="174"/>
      <c r="G235" s="174"/>
    </row>
    <row r="236" spans="1:7" hidden="1" outlineLevel="1" x14ac:dyDescent="0.3">
      <c r="A236" s="156" t="s">
        <v>1140</v>
      </c>
      <c r="B236" s="106"/>
      <c r="F236" s="174"/>
      <c r="G236" s="174"/>
    </row>
    <row r="237" spans="1:7" ht="15" customHeight="1" collapsed="1" x14ac:dyDescent="0.3">
      <c r="A237" s="103"/>
      <c r="B237" s="103" t="s">
        <v>1141</v>
      </c>
      <c r="C237" s="103" t="s">
        <v>1062</v>
      </c>
      <c r="D237" s="103" t="s">
        <v>1063</v>
      </c>
      <c r="E237" s="81"/>
      <c r="F237" s="103" t="s">
        <v>858</v>
      </c>
      <c r="G237" s="103" t="s">
        <v>1064</v>
      </c>
    </row>
    <row r="238" spans="1:7" x14ac:dyDescent="0.3">
      <c r="A238" s="156" t="s">
        <v>1142</v>
      </c>
      <c r="B238" s="156" t="s">
        <v>1107</v>
      </c>
      <c r="C238" s="171">
        <v>0.5081</v>
      </c>
      <c r="F238" s="188"/>
      <c r="G238" s="188"/>
    </row>
    <row r="239" spans="1:7" x14ac:dyDescent="0.3">
      <c r="F239" s="188"/>
      <c r="G239" s="188"/>
    </row>
    <row r="240" spans="1:7" x14ac:dyDescent="0.3">
      <c r="B240" s="151" t="s">
        <v>1108</v>
      </c>
      <c r="F240" s="188"/>
      <c r="G240" s="188"/>
    </row>
    <row r="241" spans="1:7" x14ac:dyDescent="0.3">
      <c r="A241" s="156" t="s">
        <v>1143</v>
      </c>
      <c r="B241" s="156" t="s">
        <v>1110</v>
      </c>
      <c r="C241" s="169">
        <v>551670.86</v>
      </c>
      <c r="D241" s="147" t="s">
        <v>1144</v>
      </c>
      <c r="F241" s="174">
        <f t="shared" ref="F241:F248" si="9">IF($C$249=0,"",IF(C241="[Mark as ND1 if not relevant]","",C241/$C$249))</f>
        <v>0.78069542905074285</v>
      </c>
      <c r="G241" s="174" t="str">
        <f t="shared" ref="G241:G248" si="10">IF($D$249=0,"",IF(D241="[Mark as ND1 if not relevant]","",D241/$D$249))</f>
        <v/>
      </c>
    </row>
    <row r="242" spans="1:7" x14ac:dyDescent="0.3">
      <c r="A242" s="156" t="s">
        <v>1145</v>
      </c>
      <c r="B242" s="156" t="s">
        <v>1112</v>
      </c>
      <c r="C242" s="169">
        <v>71360.12</v>
      </c>
      <c r="D242" s="147" t="s">
        <v>1144</v>
      </c>
      <c r="F242" s="174">
        <f t="shared" si="9"/>
        <v>0.10098506834403487</v>
      </c>
      <c r="G242" s="174" t="str">
        <f t="shared" si="10"/>
        <v/>
      </c>
    </row>
    <row r="243" spans="1:7" x14ac:dyDescent="0.3">
      <c r="A243" s="156" t="s">
        <v>1146</v>
      </c>
      <c r="B243" s="156" t="s">
        <v>1114</v>
      </c>
      <c r="C243" s="169">
        <v>44725.8</v>
      </c>
      <c r="D243" s="147" t="s">
        <v>1144</v>
      </c>
      <c r="F243" s="174">
        <f t="shared" si="9"/>
        <v>6.3293587086759875E-2</v>
      </c>
      <c r="G243" s="174" t="str">
        <f t="shared" si="10"/>
        <v/>
      </c>
    </row>
    <row r="244" spans="1:7" x14ac:dyDescent="0.3">
      <c r="A244" s="156" t="s">
        <v>1147</v>
      </c>
      <c r="B244" s="156" t="s">
        <v>1116</v>
      </c>
      <c r="C244" s="169">
        <v>25943.27</v>
      </c>
      <c r="D244" s="147" t="s">
        <v>1144</v>
      </c>
      <c r="F244" s="174">
        <f t="shared" si="9"/>
        <v>3.6713543839580844E-2</v>
      </c>
      <c r="G244" s="174" t="str">
        <f t="shared" si="10"/>
        <v/>
      </c>
    </row>
    <row r="245" spans="1:7" x14ac:dyDescent="0.3">
      <c r="A245" s="156" t="s">
        <v>1148</v>
      </c>
      <c r="B245" s="156" t="s">
        <v>1118</v>
      </c>
      <c r="C245" s="169">
        <v>12940.26</v>
      </c>
      <c r="D245" s="147" t="s">
        <v>1144</v>
      </c>
      <c r="F245" s="174">
        <f t="shared" si="9"/>
        <v>1.8312371678881438E-2</v>
      </c>
      <c r="G245" s="174" t="str">
        <f t="shared" si="10"/>
        <v/>
      </c>
    </row>
    <row r="246" spans="1:7" x14ac:dyDescent="0.3">
      <c r="A246" s="156" t="s">
        <v>1149</v>
      </c>
      <c r="B246" s="156" t="s">
        <v>1120</v>
      </c>
      <c r="C246" s="169">
        <v>0</v>
      </c>
      <c r="D246" s="147" t="s">
        <v>1144</v>
      </c>
      <c r="F246" s="174">
        <f t="shared" si="9"/>
        <v>0</v>
      </c>
      <c r="G246" s="174" t="str">
        <f t="shared" si="10"/>
        <v/>
      </c>
    </row>
    <row r="247" spans="1:7" x14ac:dyDescent="0.3">
      <c r="A247" s="156" t="s">
        <v>1150</v>
      </c>
      <c r="B247" s="156" t="s">
        <v>1122</v>
      </c>
      <c r="C247" s="169">
        <v>0</v>
      </c>
      <c r="D247" s="147" t="s">
        <v>1144</v>
      </c>
      <c r="F247" s="174">
        <f t="shared" si="9"/>
        <v>0</v>
      </c>
      <c r="G247" s="174" t="str">
        <f t="shared" si="10"/>
        <v/>
      </c>
    </row>
    <row r="248" spans="1:7" x14ac:dyDescent="0.3">
      <c r="A248" s="156" t="s">
        <v>1151</v>
      </c>
      <c r="B248" s="156" t="s">
        <v>1124</v>
      </c>
      <c r="C248" s="169">
        <v>0</v>
      </c>
      <c r="D248" s="147" t="s">
        <v>1144</v>
      </c>
      <c r="F248" s="174">
        <f t="shared" si="9"/>
        <v>0</v>
      </c>
      <c r="G248" s="174" t="str">
        <f t="shared" si="10"/>
        <v/>
      </c>
    </row>
    <row r="249" spans="1:7" x14ac:dyDescent="0.3">
      <c r="A249" s="156" t="s">
        <v>1152</v>
      </c>
      <c r="B249" s="115" t="s">
        <v>366</v>
      </c>
      <c r="C249" s="169">
        <f>SUM(C241:C248)</f>
        <v>706640.31</v>
      </c>
      <c r="D249" s="147">
        <f>SUM(D241:D248)</f>
        <v>0</v>
      </c>
      <c r="F249" s="173">
        <f>SUM(F241:F248)</f>
        <v>0.99999999999999989</v>
      </c>
      <c r="G249" s="173">
        <f>SUM(G241:G248)</f>
        <v>0</v>
      </c>
    </row>
    <row r="250" spans="1:7" hidden="1" outlineLevel="1" x14ac:dyDescent="0.3">
      <c r="A250" s="156" t="s">
        <v>1153</v>
      </c>
      <c r="B250" s="106" t="s">
        <v>1127</v>
      </c>
      <c r="C250" s="170"/>
      <c r="D250" s="147"/>
      <c r="F250" s="174">
        <f t="shared" ref="F250:F255" si="11">IF($C$249=0,"",IF(C250="[for completion]","",C250/$C$249))</f>
        <v>0</v>
      </c>
      <c r="G250" s="174" t="str">
        <f t="shared" ref="G250:G255" si="12">IF($D$249=0,"",IF(D250="[for completion]","",D250/$D$249))</f>
        <v/>
      </c>
    </row>
    <row r="251" spans="1:7" hidden="1" outlineLevel="1" x14ac:dyDescent="0.3">
      <c r="A251" s="156" t="s">
        <v>1154</v>
      </c>
      <c r="B251" s="106" t="s">
        <v>1129</v>
      </c>
      <c r="C251" s="170"/>
      <c r="D251" s="147"/>
      <c r="F251" s="174">
        <f t="shared" si="11"/>
        <v>0</v>
      </c>
      <c r="G251" s="174" t="str">
        <f t="shared" si="12"/>
        <v/>
      </c>
    </row>
    <row r="252" spans="1:7" hidden="1" outlineLevel="1" x14ac:dyDescent="0.3">
      <c r="A252" s="156" t="s">
        <v>1155</v>
      </c>
      <c r="B252" s="106" t="s">
        <v>1131</v>
      </c>
      <c r="C252" s="170"/>
      <c r="D252" s="147"/>
      <c r="F252" s="174">
        <f t="shared" si="11"/>
        <v>0</v>
      </c>
      <c r="G252" s="174" t="str">
        <f t="shared" si="12"/>
        <v/>
      </c>
    </row>
    <row r="253" spans="1:7" hidden="1" outlineLevel="1" x14ac:dyDescent="0.3">
      <c r="A253" s="156" t="s">
        <v>1156</v>
      </c>
      <c r="B253" s="106" t="s">
        <v>1133</v>
      </c>
      <c r="C253" s="170"/>
      <c r="D253" s="147"/>
      <c r="F253" s="174">
        <f t="shared" si="11"/>
        <v>0</v>
      </c>
      <c r="G253" s="174" t="str">
        <f t="shared" si="12"/>
        <v/>
      </c>
    </row>
    <row r="254" spans="1:7" hidden="1" outlineLevel="1" x14ac:dyDescent="0.3">
      <c r="A254" s="156" t="s">
        <v>1157</v>
      </c>
      <c r="B254" s="106" t="s">
        <v>1135</v>
      </c>
      <c r="C254" s="170"/>
      <c r="D254" s="147"/>
      <c r="F254" s="174">
        <f t="shared" si="11"/>
        <v>0</v>
      </c>
      <c r="G254" s="174" t="str">
        <f t="shared" si="12"/>
        <v/>
      </c>
    </row>
    <row r="255" spans="1:7" hidden="1" outlineLevel="1" x14ac:dyDescent="0.3">
      <c r="A255" s="156" t="s">
        <v>1158</v>
      </c>
      <c r="B255" s="106" t="s">
        <v>1137</v>
      </c>
      <c r="C255" s="170"/>
      <c r="D255" s="147"/>
      <c r="F255" s="174">
        <f t="shared" si="11"/>
        <v>0</v>
      </c>
      <c r="G255" s="174" t="str">
        <f t="shared" si="12"/>
        <v/>
      </c>
    </row>
    <row r="256" spans="1:7" hidden="1" outlineLevel="1" x14ac:dyDescent="0.3">
      <c r="A256" s="156" t="s">
        <v>1159</v>
      </c>
      <c r="B256" s="106"/>
      <c r="F256" s="117"/>
      <c r="G256" s="117"/>
    </row>
    <row r="257" spans="1:14" hidden="1" outlineLevel="1" x14ac:dyDescent="0.3">
      <c r="A257" s="156" t="s">
        <v>1160</v>
      </c>
      <c r="B257" s="106"/>
      <c r="F257" s="117"/>
      <c r="G257" s="117"/>
    </row>
    <row r="258" spans="1:14" hidden="1" outlineLevel="1" x14ac:dyDescent="0.3">
      <c r="A258" s="156" t="s">
        <v>1161</v>
      </c>
      <c r="B258" s="106"/>
      <c r="F258" s="117"/>
      <c r="G258" s="117"/>
    </row>
    <row r="259" spans="1:14" ht="15" customHeight="1" collapsed="1" x14ac:dyDescent="0.3">
      <c r="A259" s="103"/>
      <c r="B259" s="118" t="s">
        <v>1162</v>
      </c>
      <c r="C259" s="103" t="s">
        <v>858</v>
      </c>
      <c r="D259" s="103"/>
      <c r="E259" s="81"/>
      <c r="F259" s="103"/>
      <c r="G259" s="103"/>
    </row>
    <row r="260" spans="1:14" x14ac:dyDescent="0.3">
      <c r="A260" s="156" t="s">
        <v>1163</v>
      </c>
      <c r="B260" s="156" t="s">
        <v>1164</v>
      </c>
      <c r="C260" s="166" t="s">
        <v>1165</v>
      </c>
      <c r="E260" s="114"/>
      <c r="F260" s="114"/>
      <c r="G260" s="114"/>
    </row>
    <row r="261" spans="1:14" x14ac:dyDescent="0.3">
      <c r="A261" s="156" t="s">
        <v>1166</v>
      </c>
      <c r="B261" s="156" t="s">
        <v>1167</v>
      </c>
      <c r="C261" s="166" t="s">
        <v>1165</v>
      </c>
      <c r="E261" s="114"/>
      <c r="F261" s="114"/>
    </row>
    <row r="262" spans="1:14" x14ac:dyDescent="0.3">
      <c r="A262" s="156" t="s">
        <v>1168</v>
      </c>
      <c r="B262" s="156" t="s">
        <v>1169</v>
      </c>
      <c r="C262" s="171">
        <v>0</v>
      </c>
      <c r="E262" s="114"/>
      <c r="F262" s="114"/>
    </row>
    <row r="263" spans="1:14" x14ac:dyDescent="0.3">
      <c r="A263" s="156" t="s">
        <v>1170</v>
      </c>
      <c r="B263" s="156" t="s">
        <v>1171</v>
      </c>
      <c r="C263" s="171">
        <v>0</v>
      </c>
      <c r="E263" s="114"/>
      <c r="F263" s="114"/>
    </row>
    <row r="264" spans="1:14" x14ac:dyDescent="0.3">
      <c r="A264" s="156" t="s">
        <v>1172</v>
      </c>
      <c r="B264" s="151" t="s">
        <v>1173</v>
      </c>
      <c r="C264" s="171">
        <v>0</v>
      </c>
      <c r="D264" s="129"/>
      <c r="E264" s="129"/>
      <c r="F264" s="94"/>
      <c r="G264" s="94"/>
      <c r="H264" s="128"/>
      <c r="I264" s="156"/>
      <c r="J264" s="156"/>
      <c r="K264" s="156"/>
      <c r="L264" s="128"/>
      <c r="M264" s="128"/>
      <c r="N264" s="128"/>
    </row>
    <row r="265" spans="1:14" x14ac:dyDescent="0.3">
      <c r="A265" s="156" t="s">
        <v>1174</v>
      </c>
      <c r="B265" s="156" t="s">
        <v>364</v>
      </c>
      <c r="C265" s="171">
        <v>0</v>
      </c>
      <c r="E265" s="114"/>
      <c r="F265" s="114"/>
    </row>
    <row r="266" spans="1:14" hidden="1" outlineLevel="1" x14ac:dyDescent="0.3">
      <c r="A266" s="156" t="s">
        <v>1175</v>
      </c>
      <c r="B266" s="106" t="s">
        <v>1176</v>
      </c>
      <c r="C266" s="192"/>
      <c r="E266" s="114"/>
      <c r="F266" s="114"/>
    </row>
    <row r="267" spans="1:14" hidden="1" outlineLevel="1" x14ac:dyDescent="0.3">
      <c r="A267" s="156" t="s">
        <v>1177</v>
      </c>
      <c r="B267" s="106" t="s">
        <v>1178</v>
      </c>
      <c r="C267" s="173"/>
      <c r="E267" s="114"/>
      <c r="F267" s="114"/>
    </row>
    <row r="268" spans="1:14" hidden="1" outlineLevel="1" x14ac:dyDescent="0.3">
      <c r="A268" s="156" t="s">
        <v>1179</v>
      </c>
      <c r="B268" s="106" t="s">
        <v>1180</v>
      </c>
      <c r="C268" s="173"/>
      <c r="E268" s="114"/>
      <c r="F268" s="114"/>
    </row>
    <row r="269" spans="1:14" hidden="1" outlineLevel="1" x14ac:dyDescent="0.3">
      <c r="A269" s="156" t="s">
        <v>1181</v>
      </c>
      <c r="B269" s="106" t="s">
        <v>1182</v>
      </c>
      <c r="C269" s="173"/>
      <c r="E269" s="114"/>
      <c r="F269" s="114"/>
    </row>
    <row r="270" spans="1:14" hidden="1" outlineLevel="1" x14ac:dyDescent="0.3">
      <c r="A270" s="156" t="s">
        <v>1183</v>
      </c>
      <c r="B270" s="106" t="s">
        <v>368</v>
      </c>
      <c r="C270" s="173"/>
      <c r="E270" s="114"/>
      <c r="F270" s="114"/>
    </row>
    <row r="271" spans="1:14" hidden="1" outlineLevel="1" x14ac:dyDescent="0.3">
      <c r="A271" s="156" t="s">
        <v>1184</v>
      </c>
      <c r="B271" s="106" t="s">
        <v>368</v>
      </c>
      <c r="C271" s="173"/>
      <c r="E271" s="114"/>
      <c r="F271" s="114"/>
    </row>
    <row r="272" spans="1:14" hidden="1" outlineLevel="1" x14ac:dyDescent="0.3">
      <c r="A272" s="156" t="s">
        <v>1185</v>
      </c>
      <c r="B272" s="106" t="s">
        <v>368</v>
      </c>
      <c r="C272" s="173"/>
      <c r="E272" s="114"/>
      <c r="F272" s="114"/>
    </row>
    <row r="273" spans="1:7" hidden="1" outlineLevel="1" x14ac:dyDescent="0.3">
      <c r="A273" s="156" t="s">
        <v>1186</v>
      </c>
      <c r="B273" s="106" t="s">
        <v>368</v>
      </c>
      <c r="C273" s="173"/>
      <c r="E273" s="114"/>
      <c r="F273" s="114"/>
    </row>
    <row r="274" spans="1:7" hidden="1" outlineLevel="1" x14ac:dyDescent="0.3">
      <c r="A274" s="156" t="s">
        <v>1187</v>
      </c>
      <c r="B274" s="106" t="s">
        <v>368</v>
      </c>
      <c r="C274" s="173"/>
      <c r="E274" s="114"/>
      <c r="F274" s="114"/>
    </row>
    <row r="275" spans="1:7" hidden="1" outlineLevel="1" x14ac:dyDescent="0.3">
      <c r="A275" s="156" t="s">
        <v>1188</v>
      </c>
      <c r="B275" s="106" t="s">
        <v>368</v>
      </c>
      <c r="C275" s="173"/>
      <c r="E275" s="114"/>
      <c r="F275" s="114"/>
    </row>
    <row r="276" spans="1:7" ht="15" customHeight="1" collapsed="1" x14ac:dyDescent="0.3">
      <c r="A276" s="103"/>
      <c r="B276" s="118" t="s">
        <v>1189</v>
      </c>
      <c r="C276" s="103" t="s">
        <v>858</v>
      </c>
      <c r="D276" s="103"/>
      <c r="E276" s="81"/>
      <c r="F276" s="103"/>
      <c r="G276" s="80"/>
    </row>
    <row r="277" spans="1:7" x14ac:dyDescent="0.3">
      <c r="A277" s="156" t="s">
        <v>1190</v>
      </c>
      <c r="B277" s="156" t="s">
        <v>1191</v>
      </c>
      <c r="C277" s="171">
        <v>0.94569999999999999</v>
      </c>
      <c r="E277" s="128"/>
      <c r="F277" s="128"/>
    </row>
    <row r="278" spans="1:7" x14ac:dyDescent="0.3">
      <c r="A278" s="156" t="s">
        <v>1192</v>
      </c>
      <c r="B278" s="156" t="s">
        <v>1193</v>
      </c>
      <c r="C278" s="171">
        <v>0</v>
      </c>
      <c r="E278" s="128"/>
      <c r="F278" s="128"/>
    </row>
    <row r="279" spans="1:7" x14ac:dyDescent="0.3">
      <c r="A279" s="156" t="s">
        <v>1194</v>
      </c>
      <c r="B279" s="156" t="s">
        <v>364</v>
      </c>
      <c r="C279" s="171">
        <v>0</v>
      </c>
      <c r="E279" s="128"/>
      <c r="F279" s="128"/>
    </row>
    <row r="280" spans="1:7" hidden="1" outlineLevel="1" x14ac:dyDescent="0.3">
      <c r="A280" s="156" t="s">
        <v>1195</v>
      </c>
      <c r="C280" s="173"/>
      <c r="E280" s="128"/>
      <c r="F280" s="128"/>
    </row>
    <row r="281" spans="1:7" hidden="1" outlineLevel="1" x14ac:dyDescent="0.3">
      <c r="A281" s="156" t="s">
        <v>1196</v>
      </c>
      <c r="C281" s="173"/>
      <c r="E281" s="128"/>
      <c r="F281" s="128"/>
    </row>
    <row r="282" spans="1:7" hidden="1" outlineLevel="1" x14ac:dyDescent="0.3">
      <c r="A282" s="156" t="s">
        <v>1197</v>
      </c>
      <c r="C282" s="173"/>
      <c r="E282" s="128"/>
      <c r="F282" s="128"/>
    </row>
    <row r="283" spans="1:7" hidden="1" outlineLevel="1" x14ac:dyDescent="0.3">
      <c r="A283" s="156" t="s">
        <v>1198</v>
      </c>
      <c r="C283" s="173"/>
      <c r="E283" s="128"/>
      <c r="F283" s="128"/>
    </row>
    <row r="284" spans="1:7" hidden="1" outlineLevel="1" x14ac:dyDescent="0.3">
      <c r="A284" s="156" t="s">
        <v>1199</v>
      </c>
      <c r="C284" s="173"/>
      <c r="E284" s="128"/>
      <c r="F284" s="128"/>
    </row>
    <row r="285" spans="1:7" hidden="1" outlineLevel="1" x14ac:dyDescent="0.3">
      <c r="A285" s="156" t="s">
        <v>1200</v>
      </c>
      <c r="C285" s="173"/>
      <c r="E285" s="128"/>
      <c r="F285" s="128"/>
    </row>
    <row r="286" spans="1:7" collapsed="1" x14ac:dyDescent="0.3">
      <c r="A286" s="79"/>
      <c r="B286" s="79" t="s">
        <v>1201</v>
      </c>
      <c r="C286" s="79" t="s">
        <v>325</v>
      </c>
      <c r="D286" s="79" t="s">
        <v>1202</v>
      </c>
      <c r="E286" s="79"/>
      <c r="F286" s="79" t="s">
        <v>858</v>
      </c>
      <c r="G286" s="79" t="s">
        <v>1203</v>
      </c>
    </row>
    <row r="287" spans="1:7" x14ac:dyDescent="0.3">
      <c r="A287" s="156" t="s">
        <v>1204</v>
      </c>
      <c r="B287" s="151" t="s">
        <v>1205</v>
      </c>
      <c r="C287" s="170" t="s">
        <v>1057</v>
      </c>
      <c r="D287" s="156" t="s">
        <v>1057</v>
      </c>
      <c r="E287" s="145"/>
      <c r="F287" s="174" t="str">
        <f t="shared" ref="F287:F304" si="13">IF($C$305=0,"",IF(C287="[For completion]","",C287/$C$305))</f>
        <v/>
      </c>
      <c r="G287" s="174" t="str">
        <f t="shared" ref="G287:G304" si="14">IF($D$305=0,"",IF(D287="[For completion]","",D287/$D$305))</f>
        <v/>
      </c>
    </row>
    <row r="288" spans="1:7" x14ac:dyDescent="0.3">
      <c r="A288" s="156" t="s">
        <v>1206</v>
      </c>
      <c r="B288" s="151" t="s">
        <v>1205</v>
      </c>
      <c r="C288" s="170" t="s">
        <v>1057</v>
      </c>
      <c r="D288" s="156" t="s">
        <v>1057</v>
      </c>
      <c r="E288" s="145"/>
      <c r="F288" s="174" t="str">
        <f t="shared" si="13"/>
        <v/>
      </c>
      <c r="G288" s="174" t="str">
        <f t="shared" si="14"/>
        <v/>
      </c>
    </row>
    <row r="289" spans="1:7" x14ac:dyDescent="0.3">
      <c r="A289" s="156" t="s">
        <v>1207</v>
      </c>
      <c r="B289" s="151" t="s">
        <v>1205</v>
      </c>
      <c r="C289" s="170" t="s">
        <v>1057</v>
      </c>
      <c r="D289" s="156" t="s">
        <v>1057</v>
      </c>
      <c r="E289" s="145"/>
      <c r="F289" s="174" t="str">
        <f t="shared" si="13"/>
        <v/>
      </c>
      <c r="G289" s="174" t="str">
        <f t="shared" si="14"/>
        <v/>
      </c>
    </row>
    <row r="290" spans="1:7" x14ac:dyDescent="0.3">
      <c r="A290" s="156" t="s">
        <v>1208</v>
      </c>
      <c r="B290" s="151" t="s">
        <v>1205</v>
      </c>
      <c r="C290" s="170" t="s">
        <v>1057</v>
      </c>
      <c r="D290" s="156" t="s">
        <v>1057</v>
      </c>
      <c r="E290" s="145"/>
      <c r="F290" s="174" t="str">
        <f t="shared" si="13"/>
        <v/>
      </c>
      <c r="G290" s="174" t="str">
        <f t="shared" si="14"/>
        <v/>
      </c>
    </row>
    <row r="291" spans="1:7" x14ac:dyDescent="0.3">
      <c r="A291" s="156" t="s">
        <v>1209</v>
      </c>
      <c r="B291" s="151" t="s">
        <v>1205</v>
      </c>
      <c r="C291" s="170" t="s">
        <v>1057</v>
      </c>
      <c r="D291" s="156" t="s">
        <v>1057</v>
      </c>
      <c r="E291" s="145"/>
      <c r="F291" s="174" t="str">
        <f t="shared" si="13"/>
        <v/>
      </c>
      <c r="G291" s="174" t="str">
        <f t="shared" si="14"/>
        <v/>
      </c>
    </row>
    <row r="292" spans="1:7" x14ac:dyDescent="0.3">
      <c r="A292" s="156" t="s">
        <v>1210</v>
      </c>
      <c r="B292" s="151" t="s">
        <v>1205</v>
      </c>
      <c r="C292" s="170" t="s">
        <v>1057</v>
      </c>
      <c r="D292" s="156" t="s">
        <v>1057</v>
      </c>
      <c r="E292" s="145"/>
      <c r="F292" s="174" t="str">
        <f t="shared" si="13"/>
        <v/>
      </c>
      <c r="G292" s="174" t="str">
        <f t="shared" si="14"/>
        <v/>
      </c>
    </row>
    <row r="293" spans="1:7" x14ac:dyDescent="0.3">
      <c r="A293" s="156" t="s">
        <v>1211</v>
      </c>
      <c r="B293" s="151" t="s">
        <v>1205</v>
      </c>
      <c r="C293" s="170" t="s">
        <v>1057</v>
      </c>
      <c r="D293" s="156" t="s">
        <v>1057</v>
      </c>
      <c r="E293" s="145"/>
      <c r="F293" s="174" t="str">
        <f t="shared" si="13"/>
        <v/>
      </c>
      <c r="G293" s="174" t="str">
        <f t="shared" si="14"/>
        <v/>
      </c>
    </row>
    <row r="294" spans="1:7" x14ac:dyDescent="0.3">
      <c r="A294" s="156" t="s">
        <v>1212</v>
      </c>
      <c r="B294" s="151" t="s">
        <v>1205</v>
      </c>
      <c r="C294" s="170" t="s">
        <v>1057</v>
      </c>
      <c r="D294" s="156" t="s">
        <v>1057</v>
      </c>
      <c r="E294" s="145"/>
      <c r="F294" s="174" t="str">
        <f t="shared" si="13"/>
        <v/>
      </c>
      <c r="G294" s="174" t="str">
        <f t="shared" si="14"/>
        <v/>
      </c>
    </row>
    <row r="295" spans="1:7" x14ac:dyDescent="0.3">
      <c r="A295" s="156" t="s">
        <v>1213</v>
      </c>
      <c r="B295" s="151" t="s">
        <v>1205</v>
      </c>
      <c r="C295" s="170" t="s">
        <v>1057</v>
      </c>
      <c r="D295" s="156" t="s">
        <v>1057</v>
      </c>
      <c r="E295" s="145"/>
      <c r="F295" s="174" t="str">
        <f t="shared" si="13"/>
        <v/>
      </c>
      <c r="G295" s="174" t="str">
        <f t="shared" si="14"/>
        <v/>
      </c>
    </row>
    <row r="296" spans="1:7" x14ac:dyDescent="0.3">
      <c r="A296" s="156" t="s">
        <v>1214</v>
      </c>
      <c r="B296" s="151" t="s">
        <v>1205</v>
      </c>
      <c r="C296" s="170" t="s">
        <v>1057</v>
      </c>
      <c r="D296" s="156" t="s">
        <v>1057</v>
      </c>
      <c r="E296" s="145"/>
      <c r="F296" s="174" t="str">
        <f t="shared" si="13"/>
        <v/>
      </c>
      <c r="G296" s="174" t="str">
        <f t="shared" si="14"/>
        <v/>
      </c>
    </row>
    <row r="297" spans="1:7" x14ac:dyDescent="0.3">
      <c r="A297" s="156" t="s">
        <v>1215</v>
      </c>
      <c r="B297" s="151" t="s">
        <v>1205</v>
      </c>
      <c r="C297" s="170" t="s">
        <v>1057</v>
      </c>
      <c r="D297" s="156" t="s">
        <v>1057</v>
      </c>
      <c r="E297" s="145"/>
      <c r="F297" s="174" t="str">
        <f t="shared" si="13"/>
        <v/>
      </c>
      <c r="G297" s="174" t="str">
        <f t="shared" si="14"/>
        <v/>
      </c>
    </row>
    <row r="298" spans="1:7" x14ac:dyDescent="0.3">
      <c r="A298" s="156" t="s">
        <v>1216</v>
      </c>
      <c r="B298" s="151" t="s">
        <v>1205</v>
      </c>
      <c r="C298" s="170" t="s">
        <v>1057</v>
      </c>
      <c r="D298" s="156" t="s">
        <v>1057</v>
      </c>
      <c r="E298" s="145"/>
      <c r="F298" s="174" t="str">
        <f t="shared" si="13"/>
        <v/>
      </c>
      <c r="G298" s="174" t="str">
        <f t="shared" si="14"/>
        <v/>
      </c>
    </row>
    <row r="299" spans="1:7" x14ac:dyDescent="0.3">
      <c r="A299" s="156" t="s">
        <v>1217</v>
      </c>
      <c r="B299" s="151" t="s">
        <v>1205</v>
      </c>
      <c r="C299" s="170" t="s">
        <v>1057</v>
      </c>
      <c r="D299" s="156" t="s">
        <v>1057</v>
      </c>
      <c r="E299" s="145"/>
      <c r="F299" s="174" t="str">
        <f t="shared" si="13"/>
        <v/>
      </c>
      <c r="G299" s="174" t="str">
        <f t="shared" si="14"/>
        <v/>
      </c>
    </row>
    <row r="300" spans="1:7" x14ac:dyDescent="0.3">
      <c r="A300" s="156" t="s">
        <v>1218</v>
      </c>
      <c r="B300" s="151" t="s">
        <v>1205</v>
      </c>
      <c r="C300" s="170" t="s">
        <v>1057</v>
      </c>
      <c r="D300" s="156" t="s">
        <v>1057</v>
      </c>
      <c r="E300" s="145"/>
      <c r="F300" s="174" t="str">
        <f t="shared" si="13"/>
        <v/>
      </c>
      <c r="G300" s="174" t="str">
        <f t="shared" si="14"/>
        <v/>
      </c>
    </row>
    <row r="301" spans="1:7" x14ac:dyDescent="0.3">
      <c r="A301" s="156" t="s">
        <v>1219</v>
      </c>
      <c r="B301" s="151" t="s">
        <v>1205</v>
      </c>
      <c r="C301" s="170" t="s">
        <v>1057</v>
      </c>
      <c r="D301" s="156" t="s">
        <v>1057</v>
      </c>
      <c r="E301" s="145"/>
      <c r="F301" s="174" t="str">
        <f t="shared" si="13"/>
        <v/>
      </c>
      <c r="G301" s="174" t="str">
        <f t="shared" si="14"/>
        <v/>
      </c>
    </row>
    <row r="302" spans="1:7" x14ac:dyDescent="0.3">
      <c r="A302" s="156" t="s">
        <v>1220</v>
      </c>
      <c r="B302" s="151" t="s">
        <v>1205</v>
      </c>
      <c r="C302" s="170" t="s">
        <v>1057</v>
      </c>
      <c r="D302" s="156" t="s">
        <v>1057</v>
      </c>
      <c r="E302" s="145"/>
      <c r="F302" s="174" t="str">
        <f t="shared" si="13"/>
        <v/>
      </c>
      <c r="G302" s="174" t="str">
        <f t="shared" si="14"/>
        <v/>
      </c>
    </row>
    <row r="303" spans="1:7" x14ac:dyDescent="0.3">
      <c r="A303" s="156" t="s">
        <v>1221</v>
      </c>
      <c r="B303" s="151" t="s">
        <v>1205</v>
      </c>
      <c r="C303" s="170" t="s">
        <v>1057</v>
      </c>
      <c r="D303" s="156" t="s">
        <v>1057</v>
      </c>
      <c r="E303" s="145"/>
      <c r="F303" s="174" t="str">
        <f t="shared" si="13"/>
        <v/>
      </c>
      <c r="G303" s="174" t="str">
        <f t="shared" si="14"/>
        <v/>
      </c>
    </row>
    <row r="304" spans="1:7" x14ac:dyDescent="0.3">
      <c r="A304" s="156" t="s">
        <v>1222</v>
      </c>
      <c r="B304" s="151" t="s">
        <v>1223</v>
      </c>
      <c r="C304" s="170" t="s">
        <v>1057</v>
      </c>
      <c r="D304" s="156" t="s">
        <v>1057</v>
      </c>
      <c r="E304" s="145"/>
      <c r="F304" s="174" t="str">
        <f t="shared" si="13"/>
        <v/>
      </c>
      <c r="G304" s="174" t="str">
        <f t="shared" si="14"/>
        <v/>
      </c>
    </row>
    <row r="305" spans="1:7" x14ac:dyDescent="0.3">
      <c r="A305" s="156" t="s">
        <v>1224</v>
      </c>
      <c r="B305" s="151" t="s">
        <v>366</v>
      </c>
      <c r="C305" s="170">
        <f>SUM(C287:C304)</f>
        <v>0</v>
      </c>
      <c r="D305" s="156">
        <f>SUM(D287:D304)</f>
        <v>0</v>
      </c>
      <c r="E305" s="145"/>
      <c r="F305" s="188">
        <f>SUM(F287:F304)</f>
        <v>0</v>
      </c>
      <c r="G305" s="188">
        <f>SUM(G287:G304)</f>
        <v>0</v>
      </c>
    </row>
    <row r="306" spans="1:7" x14ac:dyDescent="0.3">
      <c r="A306" s="156" t="s">
        <v>1225</v>
      </c>
      <c r="B306" s="151"/>
      <c r="E306" s="145"/>
      <c r="F306" s="145"/>
      <c r="G306" s="145"/>
    </row>
    <row r="307" spans="1:7" x14ac:dyDescent="0.3">
      <c r="A307" s="156" t="s">
        <v>1226</v>
      </c>
      <c r="B307" s="151"/>
      <c r="E307" s="145"/>
      <c r="F307" s="145"/>
      <c r="G307" s="145"/>
    </row>
    <row r="308" spans="1:7" x14ac:dyDescent="0.3">
      <c r="A308" s="156" t="s">
        <v>1227</v>
      </c>
      <c r="B308" s="151"/>
      <c r="E308" s="145"/>
      <c r="F308" s="145"/>
      <c r="G308" s="145"/>
    </row>
    <row r="309" spans="1:7" x14ac:dyDescent="0.3">
      <c r="A309" s="79"/>
      <c r="B309" s="79" t="s">
        <v>1228</v>
      </c>
      <c r="C309" s="79" t="s">
        <v>325</v>
      </c>
      <c r="D309" s="79" t="s">
        <v>1202</v>
      </c>
      <c r="E309" s="79"/>
      <c r="F309" s="79" t="s">
        <v>858</v>
      </c>
      <c r="G309" s="79" t="s">
        <v>1203</v>
      </c>
    </row>
    <row r="310" spans="1:7" x14ac:dyDescent="0.3">
      <c r="A310" s="156" t="s">
        <v>1229</v>
      </c>
      <c r="B310" s="151" t="s">
        <v>1205</v>
      </c>
      <c r="C310" s="170" t="s">
        <v>1057</v>
      </c>
      <c r="D310" s="156" t="s">
        <v>1057</v>
      </c>
      <c r="E310" s="145"/>
      <c r="F310" s="174" t="str">
        <f t="shared" ref="F310:F327" si="15">IF($C$328=0,"",IF(C310="[For completion]","",C310/$C$328))</f>
        <v/>
      </c>
      <c r="G310" s="174" t="str">
        <f t="shared" ref="G310:G327" si="16">IF($D$328=0,"",IF(D310="[For completion]","",D310/$D$328))</f>
        <v/>
      </c>
    </row>
    <row r="311" spans="1:7" x14ac:dyDescent="0.3">
      <c r="A311" s="156" t="s">
        <v>1230</v>
      </c>
      <c r="B311" s="151" t="s">
        <v>1205</v>
      </c>
      <c r="C311" s="170" t="s">
        <v>1057</v>
      </c>
      <c r="D311" s="156" t="s">
        <v>1057</v>
      </c>
      <c r="E311" s="145"/>
      <c r="F311" s="174" t="str">
        <f t="shared" si="15"/>
        <v/>
      </c>
      <c r="G311" s="174" t="str">
        <f t="shared" si="16"/>
        <v/>
      </c>
    </row>
    <row r="312" spans="1:7" x14ac:dyDescent="0.3">
      <c r="A312" s="156" t="s">
        <v>1231</v>
      </c>
      <c r="B312" s="151" t="s">
        <v>1205</v>
      </c>
      <c r="C312" s="170" t="s">
        <v>1057</v>
      </c>
      <c r="D312" s="156" t="s">
        <v>1057</v>
      </c>
      <c r="E312" s="145"/>
      <c r="F312" s="174" t="str">
        <f t="shared" si="15"/>
        <v/>
      </c>
      <c r="G312" s="174" t="str">
        <f t="shared" si="16"/>
        <v/>
      </c>
    </row>
    <row r="313" spans="1:7" x14ac:dyDescent="0.3">
      <c r="A313" s="156" t="s">
        <v>1232</v>
      </c>
      <c r="B313" s="151" t="s">
        <v>1205</v>
      </c>
      <c r="C313" s="170" t="s">
        <v>1057</v>
      </c>
      <c r="D313" s="156" t="s">
        <v>1057</v>
      </c>
      <c r="E313" s="145"/>
      <c r="F313" s="174" t="str">
        <f t="shared" si="15"/>
        <v/>
      </c>
      <c r="G313" s="174" t="str">
        <f t="shared" si="16"/>
        <v/>
      </c>
    </row>
    <row r="314" spans="1:7" x14ac:dyDescent="0.3">
      <c r="A314" s="156" t="s">
        <v>1233</v>
      </c>
      <c r="B314" s="151" t="s">
        <v>1205</v>
      </c>
      <c r="C314" s="170" t="s">
        <v>1057</v>
      </c>
      <c r="D314" s="156" t="s">
        <v>1057</v>
      </c>
      <c r="E314" s="145"/>
      <c r="F314" s="174" t="str">
        <f t="shared" si="15"/>
        <v/>
      </c>
      <c r="G314" s="174" t="str">
        <f t="shared" si="16"/>
        <v/>
      </c>
    </row>
    <row r="315" spans="1:7" x14ac:dyDescent="0.3">
      <c r="A315" s="156" t="s">
        <v>1234</v>
      </c>
      <c r="B315" s="151" t="s">
        <v>1205</v>
      </c>
      <c r="C315" s="170" t="s">
        <v>1057</v>
      </c>
      <c r="D315" s="156" t="s">
        <v>1057</v>
      </c>
      <c r="E315" s="145"/>
      <c r="F315" s="174" t="str">
        <f t="shared" si="15"/>
        <v/>
      </c>
      <c r="G315" s="174" t="str">
        <f t="shared" si="16"/>
        <v/>
      </c>
    </row>
    <row r="316" spans="1:7" x14ac:dyDescent="0.3">
      <c r="A316" s="156" t="s">
        <v>1235</v>
      </c>
      <c r="B316" s="151" t="s">
        <v>1205</v>
      </c>
      <c r="C316" s="170" t="s">
        <v>1057</v>
      </c>
      <c r="D316" s="156" t="s">
        <v>1057</v>
      </c>
      <c r="E316" s="145"/>
      <c r="F316" s="174" t="str">
        <f t="shared" si="15"/>
        <v/>
      </c>
      <c r="G316" s="174" t="str">
        <f t="shared" si="16"/>
        <v/>
      </c>
    </row>
    <row r="317" spans="1:7" x14ac:dyDescent="0.3">
      <c r="A317" s="156" t="s">
        <v>1236</v>
      </c>
      <c r="B317" s="151" t="s">
        <v>1205</v>
      </c>
      <c r="C317" s="170" t="s">
        <v>1057</v>
      </c>
      <c r="D317" s="156" t="s">
        <v>1057</v>
      </c>
      <c r="E317" s="145"/>
      <c r="F317" s="174" t="str">
        <f t="shared" si="15"/>
        <v/>
      </c>
      <c r="G317" s="174" t="str">
        <f t="shared" si="16"/>
        <v/>
      </c>
    </row>
    <row r="318" spans="1:7" x14ac:dyDescent="0.3">
      <c r="A318" s="156" t="s">
        <v>1237</v>
      </c>
      <c r="B318" s="151" t="s">
        <v>1205</v>
      </c>
      <c r="C318" s="170" t="s">
        <v>1057</v>
      </c>
      <c r="D318" s="156" t="s">
        <v>1057</v>
      </c>
      <c r="E318" s="145"/>
      <c r="F318" s="174" t="str">
        <f t="shared" si="15"/>
        <v/>
      </c>
      <c r="G318" s="174" t="str">
        <f t="shared" si="16"/>
        <v/>
      </c>
    </row>
    <row r="319" spans="1:7" x14ac:dyDescent="0.3">
      <c r="A319" s="156" t="s">
        <v>1238</v>
      </c>
      <c r="B319" s="151" t="s">
        <v>1205</v>
      </c>
      <c r="C319" s="170" t="s">
        <v>1057</v>
      </c>
      <c r="D319" s="156" t="s">
        <v>1057</v>
      </c>
      <c r="E319" s="145"/>
      <c r="F319" s="174" t="str">
        <f t="shared" si="15"/>
        <v/>
      </c>
      <c r="G319" s="174" t="str">
        <f t="shared" si="16"/>
        <v/>
      </c>
    </row>
    <row r="320" spans="1:7" x14ac:dyDescent="0.3">
      <c r="A320" s="156" t="s">
        <v>1239</v>
      </c>
      <c r="B320" s="151" t="s">
        <v>1205</v>
      </c>
      <c r="C320" s="170" t="s">
        <v>1057</v>
      </c>
      <c r="D320" s="156" t="s">
        <v>1057</v>
      </c>
      <c r="E320" s="145"/>
      <c r="F320" s="174" t="str">
        <f t="shared" si="15"/>
        <v/>
      </c>
      <c r="G320" s="174" t="str">
        <f t="shared" si="16"/>
        <v/>
      </c>
    </row>
    <row r="321" spans="1:7" x14ac:dyDescent="0.3">
      <c r="A321" s="156" t="s">
        <v>1240</v>
      </c>
      <c r="B321" s="151" t="s">
        <v>1205</v>
      </c>
      <c r="C321" s="170" t="s">
        <v>1057</v>
      </c>
      <c r="D321" s="156" t="s">
        <v>1057</v>
      </c>
      <c r="E321" s="145"/>
      <c r="F321" s="174" t="str">
        <f t="shared" si="15"/>
        <v/>
      </c>
      <c r="G321" s="174" t="str">
        <f t="shared" si="16"/>
        <v/>
      </c>
    </row>
    <row r="322" spans="1:7" x14ac:dyDescent="0.3">
      <c r="A322" s="156" t="s">
        <v>1241</v>
      </c>
      <c r="B322" s="151" t="s">
        <v>1205</v>
      </c>
      <c r="C322" s="170" t="s">
        <v>1057</v>
      </c>
      <c r="D322" s="156" t="s">
        <v>1057</v>
      </c>
      <c r="E322" s="145"/>
      <c r="F322" s="174" t="str">
        <f t="shared" si="15"/>
        <v/>
      </c>
      <c r="G322" s="174" t="str">
        <f t="shared" si="16"/>
        <v/>
      </c>
    </row>
    <row r="323" spans="1:7" x14ac:dyDescent="0.3">
      <c r="A323" s="156" t="s">
        <v>1242</v>
      </c>
      <c r="B323" s="151" t="s">
        <v>1205</v>
      </c>
      <c r="C323" s="170" t="s">
        <v>1057</v>
      </c>
      <c r="D323" s="156" t="s">
        <v>1057</v>
      </c>
      <c r="E323" s="145"/>
      <c r="F323" s="174" t="str">
        <f t="shared" si="15"/>
        <v/>
      </c>
      <c r="G323" s="174" t="str">
        <f t="shared" si="16"/>
        <v/>
      </c>
    </row>
    <row r="324" spans="1:7" x14ac:dyDescent="0.3">
      <c r="A324" s="156" t="s">
        <v>1243</v>
      </c>
      <c r="B324" s="151" t="s">
        <v>1205</v>
      </c>
      <c r="C324" s="170" t="s">
        <v>1057</v>
      </c>
      <c r="D324" s="156" t="s">
        <v>1057</v>
      </c>
      <c r="E324" s="145"/>
      <c r="F324" s="174" t="str">
        <f t="shared" si="15"/>
        <v/>
      </c>
      <c r="G324" s="174" t="str">
        <f t="shared" si="16"/>
        <v/>
      </c>
    </row>
    <row r="325" spans="1:7" x14ac:dyDescent="0.3">
      <c r="A325" s="156" t="s">
        <v>1244</v>
      </c>
      <c r="B325" s="151" t="s">
        <v>1205</v>
      </c>
      <c r="C325" s="170" t="s">
        <v>1057</v>
      </c>
      <c r="D325" s="156" t="s">
        <v>1057</v>
      </c>
      <c r="E325" s="145"/>
      <c r="F325" s="174" t="str">
        <f t="shared" si="15"/>
        <v/>
      </c>
      <c r="G325" s="174" t="str">
        <f t="shared" si="16"/>
        <v/>
      </c>
    </row>
    <row r="326" spans="1:7" x14ac:dyDescent="0.3">
      <c r="A326" s="156" t="s">
        <v>1245</v>
      </c>
      <c r="B326" s="151" t="s">
        <v>1205</v>
      </c>
      <c r="C326" s="170" t="s">
        <v>1057</v>
      </c>
      <c r="D326" s="156" t="s">
        <v>1057</v>
      </c>
      <c r="E326" s="145"/>
      <c r="F326" s="174" t="str">
        <f t="shared" si="15"/>
        <v/>
      </c>
      <c r="G326" s="174" t="str">
        <f t="shared" si="16"/>
        <v/>
      </c>
    </row>
    <row r="327" spans="1:7" x14ac:dyDescent="0.3">
      <c r="A327" s="156" t="s">
        <v>1246</v>
      </c>
      <c r="B327" s="151" t="s">
        <v>1223</v>
      </c>
      <c r="C327" s="170" t="s">
        <v>1057</v>
      </c>
      <c r="D327" s="156" t="s">
        <v>1057</v>
      </c>
      <c r="E327" s="145"/>
      <c r="F327" s="174" t="str">
        <f t="shared" si="15"/>
        <v/>
      </c>
      <c r="G327" s="174" t="str">
        <f t="shared" si="16"/>
        <v/>
      </c>
    </row>
    <row r="328" spans="1:7" x14ac:dyDescent="0.3">
      <c r="A328" s="156" t="s">
        <v>1247</v>
      </c>
      <c r="B328" s="151" t="s">
        <v>366</v>
      </c>
      <c r="C328" s="170">
        <f>SUM(C310:C327)</f>
        <v>0</v>
      </c>
      <c r="D328" s="156">
        <f>SUM(D310:D327)</f>
        <v>0</v>
      </c>
      <c r="E328" s="145"/>
      <c r="F328" s="188">
        <f>SUM(F310:F327)</f>
        <v>0</v>
      </c>
      <c r="G328" s="188">
        <f>SUM(G310:G327)</f>
        <v>0</v>
      </c>
    </row>
    <row r="329" spans="1:7" x14ac:dyDescent="0.3">
      <c r="A329" s="156" t="s">
        <v>1248</v>
      </c>
      <c r="B329" s="151"/>
      <c r="E329" s="145"/>
      <c r="F329" s="145"/>
      <c r="G329" s="145"/>
    </row>
    <row r="330" spans="1:7" x14ac:dyDescent="0.3">
      <c r="A330" s="156" t="s">
        <v>1249</v>
      </c>
      <c r="B330" s="151"/>
      <c r="E330" s="145"/>
      <c r="F330" s="145"/>
      <c r="G330" s="145"/>
    </row>
    <row r="331" spans="1:7" x14ac:dyDescent="0.3">
      <c r="A331" s="156" t="s">
        <v>1250</v>
      </c>
      <c r="B331" s="151"/>
      <c r="E331" s="145"/>
      <c r="F331" s="145"/>
      <c r="G331" s="145"/>
    </row>
    <row r="332" spans="1:7" x14ac:dyDescent="0.3">
      <c r="A332" s="79"/>
      <c r="B332" s="79" t="s">
        <v>1251</v>
      </c>
      <c r="C332" s="79" t="s">
        <v>325</v>
      </c>
      <c r="D332" s="79" t="s">
        <v>1202</v>
      </c>
      <c r="E332" s="79"/>
      <c r="F332" s="79" t="s">
        <v>858</v>
      </c>
      <c r="G332" s="79" t="s">
        <v>1203</v>
      </c>
    </row>
    <row r="333" spans="1:7" x14ac:dyDescent="0.3">
      <c r="A333" s="156" t="s">
        <v>1252</v>
      </c>
      <c r="B333" s="151" t="s">
        <v>1253</v>
      </c>
      <c r="C333" s="170" t="s">
        <v>1057</v>
      </c>
      <c r="D333" s="156" t="s">
        <v>1057</v>
      </c>
      <c r="E333" s="145"/>
      <c r="F333" s="174" t="str">
        <f t="shared" ref="F333:F345" si="17">IF($C$346=0,"",IF(C333="[For completion]","",C333/$C$346))</f>
        <v/>
      </c>
      <c r="G333" s="174" t="str">
        <f t="shared" ref="G333:G345" si="18">IF($D$346=0,"",IF(D333="[For completion]","",D333/$D$346))</f>
        <v/>
      </c>
    </row>
    <row r="334" spans="1:7" x14ac:dyDescent="0.3">
      <c r="A334" s="156" t="s">
        <v>1254</v>
      </c>
      <c r="B334" s="151" t="s">
        <v>1255</v>
      </c>
      <c r="C334" s="170" t="s">
        <v>1057</v>
      </c>
      <c r="D334" s="156" t="s">
        <v>1057</v>
      </c>
      <c r="E334" s="145"/>
      <c r="F334" s="174" t="str">
        <f t="shared" si="17"/>
        <v/>
      </c>
      <c r="G334" s="174" t="str">
        <f t="shared" si="18"/>
        <v/>
      </c>
    </row>
    <row r="335" spans="1:7" x14ac:dyDescent="0.3">
      <c r="A335" s="156" t="s">
        <v>1256</v>
      </c>
      <c r="B335" s="151" t="s">
        <v>1257</v>
      </c>
      <c r="C335" s="170" t="s">
        <v>1057</v>
      </c>
      <c r="D335" s="156" t="s">
        <v>1057</v>
      </c>
      <c r="E335" s="145"/>
      <c r="F335" s="174" t="str">
        <f t="shared" si="17"/>
        <v/>
      </c>
      <c r="G335" s="174" t="str">
        <f t="shared" si="18"/>
        <v/>
      </c>
    </row>
    <row r="336" spans="1:7" x14ac:dyDescent="0.3">
      <c r="A336" s="156" t="s">
        <v>1258</v>
      </c>
      <c r="B336" s="151" t="s">
        <v>1259</v>
      </c>
      <c r="C336" s="170" t="s">
        <v>1057</v>
      </c>
      <c r="D336" s="156" t="s">
        <v>1057</v>
      </c>
      <c r="E336" s="145"/>
      <c r="F336" s="174" t="str">
        <f t="shared" si="17"/>
        <v/>
      </c>
      <c r="G336" s="174" t="str">
        <f t="shared" si="18"/>
        <v/>
      </c>
    </row>
    <row r="337" spans="1:7" x14ac:dyDescent="0.3">
      <c r="A337" s="156" t="s">
        <v>1260</v>
      </c>
      <c r="B337" s="151" t="s">
        <v>1261</v>
      </c>
      <c r="C337" s="170" t="s">
        <v>1057</v>
      </c>
      <c r="D337" s="156" t="s">
        <v>1057</v>
      </c>
      <c r="E337" s="145"/>
      <c r="F337" s="174" t="str">
        <f t="shared" si="17"/>
        <v/>
      </c>
      <c r="G337" s="174" t="str">
        <f t="shared" si="18"/>
        <v/>
      </c>
    </row>
    <row r="338" spans="1:7" x14ac:dyDescent="0.3">
      <c r="A338" s="156" t="s">
        <v>1262</v>
      </c>
      <c r="B338" s="151" t="s">
        <v>1263</v>
      </c>
      <c r="C338" s="170" t="s">
        <v>1057</v>
      </c>
      <c r="D338" s="156" t="s">
        <v>1057</v>
      </c>
      <c r="E338" s="145"/>
      <c r="F338" s="174" t="str">
        <f t="shared" si="17"/>
        <v/>
      </c>
      <c r="G338" s="174" t="str">
        <f t="shared" si="18"/>
        <v/>
      </c>
    </row>
    <row r="339" spans="1:7" x14ac:dyDescent="0.3">
      <c r="A339" s="156" t="s">
        <v>1264</v>
      </c>
      <c r="B339" s="151" t="s">
        <v>1265</v>
      </c>
      <c r="C339" s="170" t="s">
        <v>1057</v>
      </c>
      <c r="D339" s="156" t="s">
        <v>1057</v>
      </c>
      <c r="E339" s="145"/>
      <c r="F339" s="174" t="str">
        <f t="shared" si="17"/>
        <v/>
      </c>
      <c r="G339" s="174" t="str">
        <f t="shared" si="18"/>
        <v/>
      </c>
    </row>
    <row r="340" spans="1:7" x14ac:dyDescent="0.3">
      <c r="A340" s="156" t="s">
        <v>1266</v>
      </c>
      <c r="B340" s="151" t="s">
        <v>1267</v>
      </c>
      <c r="C340" s="170" t="s">
        <v>1057</v>
      </c>
      <c r="D340" s="156" t="s">
        <v>1057</v>
      </c>
      <c r="E340" s="145"/>
      <c r="F340" s="174" t="str">
        <f t="shared" si="17"/>
        <v/>
      </c>
      <c r="G340" s="174" t="str">
        <f t="shared" si="18"/>
        <v/>
      </c>
    </row>
    <row r="341" spans="1:7" x14ac:dyDescent="0.3">
      <c r="A341" s="156" t="s">
        <v>1268</v>
      </c>
      <c r="B341" s="151" t="s">
        <v>1269</v>
      </c>
      <c r="C341" s="170" t="s">
        <v>1057</v>
      </c>
      <c r="D341" s="156" t="s">
        <v>1057</v>
      </c>
      <c r="E341" s="145"/>
      <c r="F341" s="174" t="str">
        <f t="shared" si="17"/>
        <v/>
      </c>
      <c r="G341" s="174" t="str">
        <f t="shared" si="18"/>
        <v/>
      </c>
    </row>
    <row r="342" spans="1:7" x14ac:dyDescent="0.3">
      <c r="A342" s="156" t="s">
        <v>1270</v>
      </c>
      <c r="B342" s="156" t="s">
        <v>1271</v>
      </c>
      <c r="C342" s="170" t="s">
        <v>1057</v>
      </c>
      <c r="D342" s="156" t="s">
        <v>1057</v>
      </c>
      <c r="F342" s="174" t="str">
        <f t="shared" si="17"/>
        <v/>
      </c>
      <c r="G342" s="174" t="str">
        <f t="shared" si="18"/>
        <v/>
      </c>
    </row>
    <row r="343" spans="1:7" x14ac:dyDescent="0.3">
      <c r="A343" s="156" t="s">
        <v>1272</v>
      </c>
      <c r="B343" s="156" t="s">
        <v>1273</v>
      </c>
      <c r="C343" s="170" t="s">
        <v>1057</v>
      </c>
      <c r="D343" s="156" t="s">
        <v>1057</v>
      </c>
      <c r="F343" s="174" t="str">
        <f t="shared" si="17"/>
        <v/>
      </c>
      <c r="G343" s="174" t="str">
        <f t="shared" si="18"/>
        <v/>
      </c>
    </row>
    <row r="344" spans="1:7" x14ac:dyDescent="0.3">
      <c r="A344" s="156" t="s">
        <v>1274</v>
      </c>
      <c r="B344" s="151" t="s">
        <v>1275</v>
      </c>
      <c r="C344" s="170" t="s">
        <v>1057</v>
      </c>
      <c r="D344" s="156" t="s">
        <v>1057</v>
      </c>
      <c r="E344" s="145"/>
      <c r="F344" s="174" t="str">
        <f t="shared" si="17"/>
        <v/>
      </c>
      <c r="G344" s="174" t="str">
        <f t="shared" si="18"/>
        <v/>
      </c>
    </row>
    <row r="345" spans="1:7" x14ac:dyDescent="0.3">
      <c r="A345" s="156" t="s">
        <v>1276</v>
      </c>
      <c r="B345" s="156" t="s">
        <v>1223</v>
      </c>
      <c r="C345" s="170" t="s">
        <v>1057</v>
      </c>
      <c r="D345" s="156" t="s">
        <v>1057</v>
      </c>
      <c r="F345" s="174" t="str">
        <f t="shared" si="17"/>
        <v/>
      </c>
      <c r="G345" s="174" t="str">
        <f t="shared" si="18"/>
        <v/>
      </c>
    </row>
    <row r="346" spans="1:7" x14ac:dyDescent="0.3">
      <c r="A346" s="156" t="s">
        <v>1277</v>
      </c>
      <c r="B346" s="151" t="s">
        <v>366</v>
      </c>
      <c r="C346" s="170">
        <f>SUM(C333:C345)</f>
        <v>0</v>
      </c>
      <c r="D346" s="156">
        <f>SUM(D333:D345)</f>
        <v>0</v>
      </c>
      <c r="E346" s="145"/>
      <c r="F346" s="188">
        <f>SUM(F333:F345)</f>
        <v>0</v>
      </c>
      <c r="G346" s="188">
        <f>SUM(G333:G345)</f>
        <v>0</v>
      </c>
    </row>
    <row r="347" spans="1:7" x14ac:dyDescent="0.3">
      <c r="A347" s="156" t="s">
        <v>1278</v>
      </c>
      <c r="B347" s="151"/>
      <c r="C347" s="170"/>
      <c r="E347" s="145"/>
      <c r="F347" s="188"/>
      <c r="G347" s="188"/>
    </row>
    <row r="348" spans="1:7" x14ac:dyDescent="0.3">
      <c r="A348" s="156" t="s">
        <v>1279</v>
      </c>
      <c r="B348" s="151"/>
      <c r="C348" s="170"/>
      <c r="E348" s="145"/>
      <c r="F348" s="188"/>
      <c r="G348" s="188"/>
    </row>
    <row r="349" spans="1:7" x14ac:dyDescent="0.3">
      <c r="A349" s="156" t="s">
        <v>1280</v>
      </c>
    </row>
    <row r="350" spans="1:7" x14ac:dyDescent="0.3">
      <c r="A350" s="156" t="s">
        <v>1281</v>
      </c>
    </row>
    <row r="351" spans="1:7" x14ac:dyDescent="0.3">
      <c r="A351" s="156" t="s">
        <v>1282</v>
      </c>
      <c r="B351" s="151"/>
      <c r="C351" s="170"/>
      <c r="E351" s="145"/>
      <c r="F351" s="188"/>
      <c r="G351" s="188"/>
    </row>
    <row r="352" spans="1:7" x14ac:dyDescent="0.3">
      <c r="A352" s="156" t="s">
        <v>1283</v>
      </c>
      <c r="B352" s="151"/>
      <c r="C352" s="170"/>
      <c r="E352" s="145"/>
      <c r="F352" s="188"/>
      <c r="G352" s="188"/>
    </row>
    <row r="353" spans="1:7" x14ac:dyDescent="0.3">
      <c r="A353" s="156" t="s">
        <v>1284</v>
      </c>
      <c r="B353" s="151"/>
      <c r="C353" s="170"/>
      <c r="E353" s="145"/>
      <c r="F353" s="188"/>
      <c r="G353" s="188"/>
    </row>
    <row r="354" spans="1:7" x14ac:dyDescent="0.3">
      <c r="A354" s="156" t="s">
        <v>1285</v>
      </c>
      <c r="B354" s="151"/>
      <c r="C354" s="170"/>
      <c r="E354" s="145"/>
      <c r="F354" s="188"/>
      <c r="G354" s="188"/>
    </row>
    <row r="355" spans="1:7" x14ac:dyDescent="0.3">
      <c r="A355" s="156" t="s">
        <v>1286</v>
      </c>
      <c r="B355" s="151"/>
      <c r="E355" s="145"/>
      <c r="F355" s="145"/>
      <c r="G355" s="145"/>
    </row>
    <row r="356" spans="1:7" x14ac:dyDescent="0.3">
      <c r="A356" s="156" t="s">
        <v>1287</v>
      </c>
      <c r="B356" s="151"/>
      <c r="E356" s="145"/>
      <c r="F356" s="145"/>
      <c r="G356" s="145"/>
    </row>
    <row r="357" spans="1:7" x14ac:dyDescent="0.3">
      <c r="A357" s="79"/>
      <c r="B357" s="79" t="s">
        <v>1288</v>
      </c>
      <c r="C357" s="79" t="s">
        <v>325</v>
      </c>
      <c r="D357" s="79" t="s">
        <v>1202</v>
      </c>
      <c r="E357" s="79"/>
      <c r="F357" s="79" t="s">
        <v>858</v>
      </c>
      <c r="G357" s="79" t="s">
        <v>1203</v>
      </c>
    </row>
    <row r="358" spans="1:7" x14ac:dyDescent="0.3">
      <c r="A358" s="156" t="s">
        <v>1289</v>
      </c>
      <c r="B358" s="151" t="s">
        <v>1290</v>
      </c>
      <c r="C358" s="170" t="s">
        <v>1057</v>
      </c>
      <c r="D358" s="156" t="s">
        <v>1057</v>
      </c>
      <c r="E358" s="145"/>
      <c r="F358" s="174" t="str">
        <f t="shared" ref="F358:F364" si="19">IF($C$365=0,"",IF(C358="[For completion]","",C358/$C$365))</f>
        <v/>
      </c>
      <c r="G358" s="174" t="str">
        <f t="shared" ref="G358:G364" si="20">IF($D$365=0,"",IF(D358="[For completion]","",D358/$D$365))</f>
        <v/>
      </c>
    </row>
    <row r="359" spans="1:7" x14ac:dyDescent="0.3">
      <c r="A359" s="156" t="s">
        <v>1291</v>
      </c>
      <c r="B359" s="146" t="s">
        <v>1292</v>
      </c>
      <c r="C359" s="170" t="s">
        <v>1057</v>
      </c>
      <c r="D359" s="156" t="s">
        <v>1057</v>
      </c>
      <c r="E359" s="145"/>
      <c r="F359" s="174" t="str">
        <f t="shared" si="19"/>
        <v/>
      </c>
      <c r="G359" s="174" t="str">
        <f t="shared" si="20"/>
        <v/>
      </c>
    </row>
    <row r="360" spans="1:7" x14ac:dyDescent="0.3">
      <c r="A360" s="156" t="s">
        <v>1293</v>
      </c>
      <c r="B360" s="151" t="s">
        <v>1294</v>
      </c>
      <c r="C360" s="170" t="s">
        <v>1057</v>
      </c>
      <c r="D360" s="156" t="s">
        <v>1057</v>
      </c>
      <c r="E360" s="145"/>
      <c r="F360" s="174" t="str">
        <f t="shared" si="19"/>
        <v/>
      </c>
      <c r="G360" s="174" t="str">
        <f t="shared" si="20"/>
        <v/>
      </c>
    </row>
    <row r="361" spans="1:7" x14ac:dyDescent="0.3">
      <c r="A361" s="156" t="s">
        <v>1295</v>
      </c>
      <c r="B361" s="151" t="s">
        <v>1296</v>
      </c>
      <c r="C361" s="170" t="s">
        <v>1057</v>
      </c>
      <c r="D361" s="156" t="s">
        <v>1057</v>
      </c>
      <c r="E361" s="145"/>
      <c r="F361" s="174" t="str">
        <f t="shared" si="19"/>
        <v/>
      </c>
      <c r="G361" s="174" t="str">
        <f t="shared" si="20"/>
        <v/>
      </c>
    </row>
    <row r="362" spans="1:7" x14ac:dyDescent="0.3">
      <c r="A362" s="156" t="s">
        <v>1297</v>
      </c>
      <c r="B362" s="151" t="s">
        <v>1298</v>
      </c>
      <c r="C362" s="170" t="s">
        <v>1057</v>
      </c>
      <c r="D362" s="156" t="s">
        <v>1057</v>
      </c>
      <c r="E362" s="145"/>
      <c r="F362" s="174" t="str">
        <f t="shared" si="19"/>
        <v/>
      </c>
      <c r="G362" s="174" t="str">
        <f t="shared" si="20"/>
        <v/>
      </c>
    </row>
    <row r="363" spans="1:7" x14ac:dyDescent="0.3">
      <c r="A363" s="156" t="s">
        <v>1299</v>
      </c>
      <c r="B363" s="151" t="s">
        <v>1300</v>
      </c>
      <c r="C363" s="170" t="s">
        <v>1057</v>
      </c>
      <c r="D363" s="156" t="s">
        <v>1057</v>
      </c>
      <c r="E363" s="145"/>
      <c r="F363" s="174" t="str">
        <f t="shared" si="19"/>
        <v/>
      </c>
      <c r="G363" s="174" t="str">
        <f t="shared" si="20"/>
        <v/>
      </c>
    </row>
    <row r="364" spans="1:7" x14ac:dyDescent="0.3">
      <c r="A364" s="156" t="s">
        <v>1301</v>
      </c>
      <c r="B364" s="151" t="s">
        <v>735</v>
      </c>
      <c r="C364" s="170" t="s">
        <v>1057</v>
      </c>
      <c r="D364" s="156" t="s">
        <v>1057</v>
      </c>
      <c r="E364" s="145"/>
      <c r="F364" s="174" t="str">
        <f t="shared" si="19"/>
        <v/>
      </c>
      <c r="G364" s="174" t="str">
        <f t="shared" si="20"/>
        <v/>
      </c>
    </row>
    <row r="365" spans="1:7" x14ac:dyDescent="0.3">
      <c r="A365" s="156" t="s">
        <v>1302</v>
      </c>
      <c r="B365" s="151" t="s">
        <v>366</v>
      </c>
      <c r="C365" s="170">
        <f>SUM(C358:C364)</f>
        <v>0</v>
      </c>
      <c r="D365" s="156">
        <f>SUM(D358:D364)</f>
        <v>0</v>
      </c>
      <c r="E365" s="145"/>
      <c r="F365" s="188">
        <f>SUM(F358:F364)</f>
        <v>0</v>
      </c>
      <c r="G365" s="188">
        <f>SUM(G358:G364)</f>
        <v>0</v>
      </c>
    </row>
    <row r="366" spans="1:7" x14ac:dyDescent="0.3">
      <c r="A366" s="156" t="s">
        <v>1303</v>
      </c>
      <c r="B366" s="151"/>
      <c r="E366" s="145"/>
      <c r="F366" s="145"/>
      <c r="G366" s="145"/>
    </row>
    <row r="367" spans="1:7" x14ac:dyDescent="0.3">
      <c r="A367" s="79"/>
      <c r="B367" s="79" t="s">
        <v>1304</v>
      </c>
      <c r="C367" s="79" t="s">
        <v>325</v>
      </c>
      <c r="D367" s="79" t="s">
        <v>1202</v>
      </c>
      <c r="E367" s="79"/>
      <c r="F367" s="79" t="s">
        <v>858</v>
      </c>
      <c r="G367" s="79" t="s">
        <v>1203</v>
      </c>
    </row>
    <row r="368" spans="1:7" x14ac:dyDescent="0.3">
      <c r="A368" s="156" t="s">
        <v>1305</v>
      </c>
      <c r="B368" s="151" t="s">
        <v>1306</v>
      </c>
      <c r="C368" s="170" t="s">
        <v>1057</v>
      </c>
      <c r="D368" s="156" t="s">
        <v>1057</v>
      </c>
      <c r="E368" s="145"/>
      <c r="F368" s="174" t="str">
        <f>IF($C$372=0,"",IF(C368="[For completion]","",C368/$C$372))</f>
        <v/>
      </c>
      <c r="G368" s="174" t="str">
        <f>IF($D$372=0,"",IF(D368="[For completion]","",D368/$D$372))</f>
        <v/>
      </c>
    </row>
    <row r="369" spans="1:7" x14ac:dyDescent="0.3">
      <c r="A369" s="156" t="s">
        <v>1307</v>
      </c>
      <c r="B369" s="146" t="s">
        <v>1308</v>
      </c>
      <c r="C369" s="170" t="s">
        <v>1057</v>
      </c>
      <c r="D369" s="156" t="s">
        <v>1057</v>
      </c>
      <c r="E369" s="145"/>
      <c r="F369" s="174" t="str">
        <f>IF($C$372=0,"",IF(C369="[For completion]","",C369/$C$372))</f>
        <v/>
      </c>
      <c r="G369" s="174" t="str">
        <f>IF($D$372=0,"",IF(D369="[For completion]","",D369/$D$372))</f>
        <v/>
      </c>
    </row>
    <row r="370" spans="1:7" x14ac:dyDescent="0.3">
      <c r="A370" s="156" t="s">
        <v>1309</v>
      </c>
      <c r="B370" s="151" t="s">
        <v>735</v>
      </c>
      <c r="C370" s="170" t="s">
        <v>1057</v>
      </c>
      <c r="D370" s="156" t="s">
        <v>1057</v>
      </c>
      <c r="E370" s="145"/>
      <c r="F370" s="174" t="str">
        <f>IF($C$372=0,"",IF(C370="[For completion]","",C370/$C$372))</f>
        <v/>
      </c>
      <c r="G370" s="174" t="str">
        <f>IF($D$372=0,"",IF(D370="[For completion]","",D370/$D$372))</f>
        <v/>
      </c>
    </row>
    <row r="371" spans="1:7" x14ac:dyDescent="0.3">
      <c r="A371" s="156" t="s">
        <v>1310</v>
      </c>
      <c r="B371" s="156" t="s">
        <v>1223</v>
      </c>
      <c r="C371" s="170" t="s">
        <v>1057</v>
      </c>
      <c r="D371" s="156" t="s">
        <v>1057</v>
      </c>
      <c r="E371" s="145"/>
      <c r="F371" s="174" t="str">
        <f>IF($C$372=0,"",IF(C371="[For completion]","",C371/$C$372))</f>
        <v/>
      </c>
      <c r="G371" s="174" t="str">
        <f>IF($D$372=0,"",IF(D371="[For completion]","",D371/$D$372))</f>
        <v/>
      </c>
    </row>
    <row r="372" spans="1:7" x14ac:dyDescent="0.3">
      <c r="A372" s="156" t="s">
        <v>1311</v>
      </c>
      <c r="B372" s="151" t="s">
        <v>366</v>
      </c>
      <c r="C372" s="170">
        <f>SUM(C368:C371)</f>
        <v>0</v>
      </c>
      <c r="D372" s="156">
        <f>SUM(D368:D371)</f>
        <v>0</v>
      </c>
      <c r="E372" s="145"/>
      <c r="F372" s="188">
        <f>SUM(F368:F371)</f>
        <v>0</v>
      </c>
      <c r="G372" s="188">
        <f>SUM(G368:G371)</f>
        <v>0</v>
      </c>
    </row>
    <row r="373" spans="1:7" x14ac:dyDescent="0.3">
      <c r="A373" s="156" t="s">
        <v>1312</v>
      </c>
      <c r="B373" s="151"/>
      <c r="E373" s="145"/>
      <c r="F373" s="145"/>
      <c r="G373" s="145"/>
    </row>
    <row r="374" spans="1:7" x14ac:dyDescent="0.3">
      <c r="A374" s="79"/>
      <c r="B374" s="79" t="s">
        <v>1313</v>
      </c>
      <c r="C374" s="79" t="s">
        <v>1314</v>
      </c>
      <c r="D374" s="79" t="s">
        <v>1315</v>
      </c>
      <c r="E374" s="79"/>
      <c r="F374" s="79" t="s">
        <v>1316</v>
      </c>
      <c r="G374" s="79"/>
    </row>
    <row r="375" spans="1:7" x14ac:dyDescent="0.3">
      <c r="A375" s="156" t="s">
        <v>1317</v>
      </c>
      <c r="B375" s="151" t="s">
        <v>1290</v>
      </c>
      <c r="C375" s="191" t="s">
        <v>1057</v>
      </c>
      <c r="D375" s="156" t="s">
        <v>1057</v>
      </c>
      <c r="E375" s="128"/>
      <c r="F375" s="164" t="s">
        <v>1057</v>
      </c>
      <c r="G375" s="174" t="str">
        <f t="shared" ref="G375:G393" si="21">IF($D$393=0,"",IF(D375="[For completion]","",D375/$D$393))</f>
        <v/>
      </c>
    </row>
    <row r="376" spans="1:7" x14ac:dyDescent="0.3">
      <c r="A376" s="156" t="s">
        <v>1318</v>
      </c>
      <c r="B376" s="151" t="s">
        <v>1292</v>
      </c>
      <c r="C376" s="191" t="s">
        <v>1057</v>
      </c>
      <c r="D376" s="156" t="s">
        <v>1057</v>
      </c>
      <c r="E376" s="128"/>
      <c r="F376" s="164" t="s">
        <v>1057</v>
      </c>
      <c r="G376" s="174" t="str">
        <f t="shared" si="21"/>
        <v/>
      </c>
    </row>
    <row r="377" spans="1:7" x14ac:dyDescent="0.3">
      <c r="A377" s="156" t="s">
        <v>1319</v>
      </c>
      <c r="B377" s="151" t="s">
        <v>1294</v>
      </c>
      <c r="C377" s="191" t="s">
        <v>1057</v>
      </c>
      <c r="D377" s="156" t="s">
        <v>1057</v>
      </c>
      <c r="E377" s="128"/>
      <c r="F377" s="164" t="s">
        <v>1057</v>
      </c>
      <c r="G377" s="174" t="str">
        <f t="shared" si="21"/>
        <v/>
      </c>
    </row>
    <row r="378" spans="1:7" x14ac:dyDescent="0.3">
      <c r="A378" s="156" t="s">
        <v>1320</v>
      </c>
      <c r="B378" s="151" t="s">
        <v>1296</v>
      </c>
      <c r="C378" s="191" t="s">
        <v>1057</v>
      </c>
      <c r="D378" s="156" t="s">
        <v>1057</v>
      </c>
      <c r="E378" s="128"/>
      <c r="F378" s="164" t="s">
        <v>1057</v>
      </c>
      <c r="G378" s="174" t="str">
        <f t="shared" si="21"/>
        <v/>
      </c>
    </row>
    <row r="379" spans="1:7" x14ac:dyDescent="0.3">
      <c r="A379" s="156" t="s">
        <v>1321</v>
      </c>
      <c r="B379" s="151" t="s">
        <v>1298</v>
      </c>
      <c r="C379" s="191" t="s">
        <v>1057</v>
      </c>
      <c r="D379" s="156" t="s">
        <v>1057</v>
      </c>
      <c r="E379" s="128"/>
      <c r="F379" s="164" t="s">
        <v>1057</v>
      </c>
      <c r="G379" s="174" t="str">
        <f t="shared" si="21"/>
        <v/>
      </c>
    </row>
    <row r="380" spans="1:7" x14ac:dyDescent="0.3">
      <c r="A380" s="156" t="s">
        <v>1322</v>
      </c>
      <c r="B380" s="151" t="s">
        <v>1300</v>
      </c>
      <c r="C380" s="191" t="s">
        <v>1057</v>
      </c>
      <c r="D380" s="156" t="s">
        <v>1057</v>
      </c>
      <c r="E380" s="128"/>
      <c r="F380" s="164" t="s">
        <v>1057</v>
      </c>
      <c r="G380" s="174" t="str">
        <f t="shared" si="21"/>
        <v/>
      </c>
    </row>
    <row r="381" spans="1:7" x14ac:dyDescent="0.3">
      <c r="A381" s="156" t="s">
        <v>1323</v>
      </c>
      <c r="B381" s="151" t="s">
        <v>735</v>
      </c>
      <c r="C381" s="191" t="s">
        <v>1057</v>
      </c>
      <c r="D381" s="156" t="s">
        <v>1057</v>
      </c>
      <c r="E381" s="128"/>
      <c r="F381" s="164" t="s">
        <v>1057</v>
      </c>
      <c r="G381" s="174" t="str">
        <f t="shared" si="21"/>
        <v/>
      </c>
    </row>
    <row r="382" spans="1:7" x14ac:dyDescent="0.3">
      <c r="A382" s="156" t="s">
        <v>1324</v>
      </c>
      <c r="B382" s="151" t="s">
        <v>1223</v>
      </c>
      <c r="C382" s="191" t="s">
        <v>1057</v>
      </c>
      <c r="D382" s="156" t="s">
        <v>1057</v>
      </c>
      <c r="E382" s="128"/>
      <c r="F382" s="164" t="s">
        <v>1057</v>
      </c>
      <c r="G382" s="174" t="str">
        <f t="shared" si="21"/>
        <v/>
      </c>
    </row>
    <row r="383" spans="1:7" x14ac:dyDescent="0.3">
      <c r="A383" s="156" t="s">
        <v>1325</v>
      </c>
      <c r="B383" s="151" t="s">
        <v>366</v>
      </c>
      <c r="C383" s="170">
        <v>0</v>
      </c>
      <c r="D383" s="170">
        <v>0</v>
      </c>
      <c r="E383" s="128"/>
      <c r="G383" s="174" t="str">
        <f t="shared" si="21"/>
        <v/>
      </c>
    </row>
    <row r="384" spans="1:7" x14ac:dyDescent="0.3">
      <c r="A384" s="156" t="s">
        <v>1326</v>
      </c>
      <c r="B384" s="151" t="s">
        <v>1327</v>
      </c>
      <c r="F384" s="164" t="s">
        <v>1057</v>
      </c>
      <c r="G384" s="174" t="str">
        <f t="shared" si="21"/>
        <v/>
      </c>
    </row>
    <row r="385" spans="1:7" x14ac:dyDescent="0.3">
      <c r="A385" s="156" t="s">
        <v>1328</v>
      </c>
      <c r="B385" s="151"/>
      <c r="C385" s="170"/>
      <c r="E385" s="128"/>
      <c r="F385" s="174"/>
      <c r="G385" s="174" t="str">
        <f t="shared" si="21"/>
        <v/>
      </c>
    </row>
    <row r="386" spans="1:7" x14ac:dyDescent="0.3">
      <c r="A386" s="156" t="s">
        <v>1329</v>
      </c>
      <c r="B386" s="151"/>
      <c r="C386" s="170"/>
      <c r="E386" s="128"/>
      <c r="F386" s="174"/>
      <c r="G386" s="174" t="str">
        <f t="shared" si="21"/>
        <v/>
      </c>
    </row>
    <row r="387" spans="1:7" x14ac:dyDescent="0.3">
      <c r="A387" s="156" t="s">
        <v>1330</v>
      </c>
      <c r="B387" s="151"/>
      <c r="C387" s="170"/>
      <c r="E387" s="128"/>
      <c r="F387" s="174"/>
      <c r="G387" s="174" t="str">
        <f t="shared" si="21"/>
        <v/>
      </c>
    </row>
    <row r="388" spans="1:7" x14ac:dyDescent="0.3">
      <c r="A388" s="156" t="s">
        <v>1331</v>
      </c>
      <c r="B388" s="151"/>
      <c r="C388" s="170"/>
      <c r="E388" s="128"/>
      <c r="F388" s="174"/>
      <c r="G388" s="174" t="str">
        <f t="shared" si="21"/>
        <v/>
      </c>
    </row>
    <row r="389" spans="1:7" x14ac:dyDescent="0.3">
      <c r="A389" s="156" t="s">
        <v>1332</v>
      </c>
      <c r="B389" s="151"/>
      <c r="C389" s="170"/>
      <c r="E389" s="128"/>
      <c r="F389" s="174"/>
      <c r="G389" s="174" t="str">
        <f t="shared" si="21"/>
        <v/>
      </c>
    </row>
    <row r="390" spans="1:7" x14ac:dyDescent="0.3">
      <c r="A390" s="156" t="s">
        <v>1333</v>
      </c>
      <c r="B390" s="151"/>
      <c r="C390" s="170"/>
      <c r="E390" s="128"/>
      <c r="F390" s="174"/>
      <c r="G390" s="174" t="str">
        <f t="shared" si="21"/>
        <v/>
      </c>
    </row>
    <row r="391" spans="1:7" x14ac:dyDescent="0.3">
      <c r="A391" s="156" t="s">
        <v>1334</v>
      </c>
      <c r="B391" s="151"/>
      <c r="C391" s="170"/>
      <c r="E391" s="128"/>
      <c r="F391" s="174"/>
      <c r="G391" s="174" t="str">
        <f t="shared" si="21"/>
        <v/>
      </c>
    </row>
    <row r="392" spans="1:7" x14ac:dyDescent="0.3">
      <c r="A392" s="156" t="s">
        <v>1335</v>
      </c>
      <c r="B392" s="151"/>
      <c r="C392" s="170"/>
      <c r="E392" s="128"/>
      <c r="F392" s="174"/>
      <c r="G392" s="174" t="str">
        <f t="shared" si="21"/>
        <v/>
      </c>
    </row>
    <row r="393" spans="1:7" x14ac:dyDescent="0.3">
      <c r="A393" s="156" t="s">
        <v>1336</v>
      </c>
      <c r="B393" s="151"/>
      <c r="C393" s="170"/>
      <c r="E393" s="128"/>
      <c r="F393" s="174"/>
      <c r="G393" s="174" t="str">
        <f t="shared" si="21"/>
        <v/>
      </c>
    </row>
    <row r="394" spans="1:7" x14ac:dyDescent="0.3">
      <c r="A394" s="156" t="s">
        <v>1337</v>
      </c>
      <c r="C394" s="173"/>
      <c r="E394" s="128"/>
      <c r="F394" s="128"/>
    </row>
    <row r="395" spans="1:7" x14ac:dyDescent="0.3">
      <c r="A395" s="156" t="s">
        <v>1338</v>
      </c>
      <c r="C395" s="173"/>
      <c r="E395" s="128"/>
      <c r="F395" s="128"/>
    </row>
    <row r="396" spans="1:7" x14ac:dyDescent="0.3">
      <c r="A396" s="156" t="s">
        <v>1339</v>
      </c>
      <c r="C396" s="173"/>
      <c r="E396" s="128"/>
      <c r="F396" s="128"/>
    </row>
    <row r="397" spans="1:7" x14ac:dyDescent="0.3">
      <c r="A397" s="156" t="s">
        <v>1340</v>
      </c>
      <c r="C397" s="173"/>
      <c r="E397" s="128"/>
      <c r="F397" s="128"/>
    </row>
    <row r="398" spans="1:7" x14ac:dyDescent="0.3">
      <c r="A398" s="156" t="s">
        <v>1341</v>
      </c>
      <c r="C398" s="173"/>
      <c r="E398" s="128"/>
      <c r="F398" s="128"/>
    </row>
    <row r="399" spans="1:7" x14ac:dyDescent="0.3">
      <c r="A399" s="156" t="s">
        <v>1342</v>
      </c>
      <c r="C399" s="173"/>
      <c r="E399" s="128"/>
      <c r="F399" s="128"/>
    </row>
    <row r="400" spans="1:7" x14ac:dyDescent="0.3">
      <c r="A400" s="156" t="s">
        <v>1343</v>
      </c>
      <c r="C400" s="173"/>
      <c r="E400" s="128"/>
      <c r="F400" s="128"/>
    </row>
    <row r="401" spans="1:6" x14ac:dyDescent="0.3">
      <c r="A401" s="156" t="s">
        <v>1344</v>
      </c>
      <c r="C401" s="173"/>
      <c r="E401" s="128"/>
      <c r="F401" s="128"/>
    </row>
    <row r="402" spans="1:6" x14ac:dyDescent="0.3">
      <c r="A402" s="156" t="s">
        <v>1345</v>
      </c>
      <c r="C402" s="173"/>
      <c r="E402" s="128"/>
      <c r="F402" s="128"/>
    </row>
    <row r="403" spans="1:6" x14ac:dyDescent="0.3">
      <c r="A403" s="156" t="s">
        <v>1346</v>
      </c>
      <c r="C403" s="173"/>
      <c r="E403" s="128"/>
      <c r="F403" s="128"/>
    </row>
    <row r="404" spans="1:6" x14ac:dyDescent="0.3">
      <c r="A404" s="156" t="s">
        <v>1347</v>
      </c>
      <c r="C404" s="173"/>
      <c r="E404" s="128"/>
      <c r="F404" s="128"/>
    </row>
    <row r="405" spans="1:6" x14ac:dyDescent="0.3">
      <c r="A405" s="156" t="s">
        <v>1348</v>
      </c>
      <c r="C405" s="173"/>
      <c r="E405" s="128"/>
      <c r="F405" s="128"/>
    </row>
    <row r="406" spans="1:6" x14ac:dyDescent="0.3">
      <c r="A406" s="156" t="s">
        <v>1349</v>
      </c>
      <c r="C406" s="173"/>
      <c r="E406" s="128"/>
      <c r="F406" s="128"/>
    </row>
    <row r="407" spans="1:6" x14ac:dyDescent="0.3">
      <c r="A407" s="156" t="s">
        <v>1350</v>
      </c>
      <c r="C407" s="173"/>
      <c r="E407" s="128"/>
      <c r="F407" s="128"/>
    </row>
    <row r="408" spans="1:6" x14ac:dyDescent="0.3">
      <c r="A408" s="156" t="s">
        <v>1351</v>
      </c>
      <c r="C408" s="173"/>
      <c r="E408" s="128"/>
      <c r="F408" s="128"/>
    </row>
    <row r="409" spans="1:6" x14ac:dyDescent="0.3">
      <c r="A409" s="156" t="s">
        <v>1352</v>
      </c>
      <c r="C409" s="173"/>
      <c r="E409" s="128"/>
      <c r="F409" s="128"/>
    </row>
    <row r="410" spans="1:6" x14ac:dyDescent="0.3">
      <c r="A410" s="156" t="s">
        <v>1353</v>
      </c>
      <c r="C410" s="173"/>
      <c r="E410" s="128"/>
      <c r="F410" s="128"/>
    </row>
    <row r="411" spans="1:6" x14ac:dyDescent="0.3">
      <c r="A411" s="156" t="s">
        <v>1354</v>
      </c>
      <c r="C411" s="173"/>
      <c r="E411" s="128"/>
      <c r="F411" s="128"/>
    </row>
    <row r="412" spans="1:6" x14ac:dyDescent="0.3">
      <c r="A412" s="156" t="s">
        <v>1355</v>
      </c>
      <c r="C412" s="173"/>
      <c r="E412" s="128"/>
      <c r="F412" s="128"/>
    </row>
    <row r="413" spans="1:6" x14ac:dyDescent="0.3">
      <c r="A413" s="156" t="s">
        <v>1356</v>
      </c>
      <c r="C413" s="173"/>
      <c r="E413" s="128"/>
      <c r="F413" s="128"/>
    </row>
    <row r="414" spans="1:6" x14ac:dyDescent="0.3">
      <c r="A414" s="156" t="s">
        <v>1357</v>
      </c>
      <c r="C414" s="173"/>
      <c r="E414" s="128"/>
      <c r="F414" s="128"/>
    </row>
    <row r="415" spans="1:6" x14ac:dyDescent="0.3">
      <c r="A415" s="156" t="s">
        <v>1358</v>
      </c>
      <c r="C415" s="173"/>
      <c r="E415" s="128"/>
      <c r="F415" s="128"/>
    </row>
    <row r="416" spans="1:6" x14ac:dyDescent="0.3">
      <c r="A416" s="156" t="s">
        <v>1359</v>
      </c>
      <c r="C416" s="173"/>
      <c r="E416" s="128"/>
      <c r="F416" s="128"/>
    </row>
    <row r="417" spans="1:7" x14ac:dyDescent="0.3">
      <c r="A417" s="156" t="s">
        <v>1360</v>
      </c>
      <c r="C417" s="173"/>
      <c r="E417" s="128"/>
      <c r="F417" s="128"/>
    </row>
    <row r="418" spans="1:7" x14ac:dyDescent="0.3">
      <c r="A418" s="156" t="s">
        <v>1361</v>
      </c>
      <c r="C418" s="173"/>
      <c r="E418" s="128"/>
      <c r="F418" s="128"/>
    </row>
    <row r="419" spans="1:7" x14ac:dyDescent="0.3">
      <c r="A419" s="156" t="s">
        <v>1362</v>
      </c>
      <c r="C419" s="173"/>
      <c r="E419" s="128"/>
      <c r="F419" s="128"/>
    </row>
    <row r="420" spans="1:7" x14ac:dyDescent="0.3">
      <c r="A420" s="156" t="s">
        <v>1363</v>
      </c>
      <c r="C420" s="173"/>
      <c r="E420" s="128"/>
      <c r="F420" s="128"/>
    </row>
    <row r="421" spans="1:7" x14ac:dyDescent="0.3">
      <c r="A421" s="156" t="s">
        <v>1364</v>
      </c>
      <c r="C421" s="173"/>
      <c r="E421" s="128"/>
      <c r="F421" s="128"/>
    </row>
    <row r="422" spans="1:7" x14ac:dyDescent="0.3">
      <c r="A422" s="156" t="s">
        <v>1365</v>
      </c>
      <c r="C422" s="173"/>
      <c r="E422" s="128"/>
      <c r="F422" s="128"/>
    </row>
    <row r="423" spans="1:7" ht="18.75" customHeight="1" x14ac:dyDescent="0.3">
      <c r="A423" s="110"/>
      <c r="B423" s="82" t="s">
        <v>1366</v>
      </c>
      <c r="C423" s="110"/>
      <c r="D423" s="110"/>
      <c r="E423" s="110"/>
      <c r="F423" s="83"/>
      <c r="G423" s="83"/>
    </row>
    <row r="424" spans="1:7" ht="15" customHeight="1" x14ac:dyDescent="0.3">
      <c r="A424" s="103"/>
      <c r="B424" s="103" t="s">
        <v>1367</v>
      </c>
      <c r="C424" s="103" t="s">
        <v>1062</v>
      </c>
      <c r="D424" s="103" t="s">
        <v>1063</v>
      </c>
      <c r="E424" s="103"/>
      <c r="F424" s="103" t="s">
        <v>859</v>
      </c>
      <c r="G424" s="103" t="s">
        <v>1064</v>
      </c>
    </row>
    <row r="425" spans="1:7" x14ac:dyDescent="0.3">
      <c r="A425" s="156" t="s">
        <v>1368</v>
      </c>
      <c r="B425" s="156" t="s">
        <v>1066</v>
      </c>
      <c r="C425" s="166" t="s">
        <v>343</v>
      </c>
      <c r="D425" s="129"/>
      <c r="E425" s="129"/>
      <c r="F425" s="94"/>
      <c r="G425" s="94"/>
    </row>
    <row r="426" spans="1:7" x14ac:dyDescent="0.3">
      <c r="A426" s="129"/>
      <c r="D426" s="129"/>
      <c r="E426" s="129"/>
      <c r="F426" s="94"/>
      <c r="G426" s="94"/>
    </row>
    <row r="427" spans="1:7" x14ac:dyDescent="0.3">
      <c r="B427" s="156" t="s">
        <v>1067</v>
      </c>
      <c r="D427" s="129"/>
      <c r="E427" s="129"/>
      <c r="F427" s="94"/>
      <c r="G427" s="94"/>
    </row>
    <row r="428" spans="1:7" x14ac:dyDescent="0.3">
      <c r="A428" s="156" t="s">
        <v>1369</v>
      </c>
      <c r="B428" s="166" t="s">
        <v>1370</v>
      </c>
      <c r="C428" s="166" t="s">
        <v>343</v>
      </c>
      <c r="D428" s="166" t="s">
        <v>343</v>
      </c>
      <c r="E428" s="129"/>
      <c r="F428" s="174" t="str">
        <f t="shared" ref="F428:F451" si="22">IF($C$452=0,"",IF(C428="[for completion]","",C428/$C$452))</f>
        <v/>
      </c>
      <c r="G428" s="174" t="str">
        <f t="shared" ref="G428:G451" si="23">IF($D$452=0,"",IF(D428="[for completion]","",D428/$D$452))</f>
        <v/>
      </c>
    </row>
    <row r="429" spans="1:7" x14ac:dyDescent="0.3">
      <c r="A429" s="156" t="s">
        <v>1371</v>
      </c>
      <c r="B429" s="166" t="s">
        <v>1372</v>
      </c>
      <c r="C429" s="166" t="s">
        <v>343</v>
      </c>
      <c r="D429" s="166" t="s">
        <v>343</v>
      </c>
      <c r="E429" s="129"/>
      <c r="F429" s="174" t="str">
        <f t="shared" si="22"/>
        <v/>
      </c>
      <c r="G429" s="174" t="str">
        <f t="shared" si="23"/>
        <v/>
      </c>
    </row>
    <row r="430" spans="1:7" x14ac:dyDescent="0.3">
      <c r="A430" s="156" t="s">
        <v>1373</v>
      </c>
      <c r="B430" s="166" t="s">
        <v>1374</v>
      </c>
      <c r="C430" s="166" t="s">
        <v>343</v>
      </c>
      <c r="D430" s="166" t="s">
        <v>343</v>
      </c>
      <c r="E430" s="129"/>
      <c r="F430" s="174" t="str">
        <f t="shared" si="22"/>
        <v/>
      </c>
      <c r="G430" s="174" t="str">
        <f t="shared" si="23"/>
        <v/>
      </c>
    </row>
    <row r="431" spans="1:7" x14ac:dyDescent="0.3">
      <c r="A431" s="156" t="s">
        <v>1375</v>
      </c>
      <c r="B431" s="166" t="s">
        <v>1085</v>
      </c>
      <c r="C431" s="166" t="s">
        <v>343</v>
      </c>
      <c r="D431" s="166" t="s">
        <v>343</v>
      </c>
      <c r="E431" s="129"/>
      <c r="F431" s="174" t="str">
        <f t="shared" si="22"/>
        <v/>
      </c>
      <c r="G431" s="174" t="str">
        <f t="shared" si="23"/>
        <v/>
      </c>
    </row>
    <row r="432" spans="1:7" x14ac:dyDescent="0.3">
      <c r="A432" s="156" t="s">
        <v>1376</v>
      </c>
      <c r="B432" s="166" t="s">
        <v>1377</v>
      </c>
      <c r="C432" s="166" t="s">
        <v>343</v>
      </c>
      <c r="D432" s="166" t="s">
        <v>343</v>
      </c>
      <c r="E432" s="129"/>
      <c r="F432" s="174" t="str">
        <f t="shared" si="22"/>
        <v/>
      </c>
      <c r="G432" s="174" t="str">
        <f t="shared" si="23"/>
        <v/>
      </c>
    </row>
    <row r="433" spans="1:7" x14ac:dyDescent="0.3">
      <c r="A433" s="156" t="s">
        <v>1378</v>
      </c>
      <c r="B433" s="166" t="s">
        <v>1379</v>
      </c>
      <c r="C433" s="166" t="s">
        <v>343</v>
      </c>
      <c r="D433" s="166" t="s">
        <v>343</v>
      </c>
      <c r="E433" s="129"/>
      <c r="F433" s="174" t="str">
        <f t="shared" si="22"/>
        <v/>
      </c>
      <c r="G433" s="174" t="str">
        <f t="shared" si="23"/>
        <v/>
      </c>
    </row>
    <row r="434" spans="1:7" x14ac:dyDescent="0.3">
      <c r="A434" s="156" t="s">
        <v>1380</v>
      </c>
      <c r="B434" s="166" t="s">
        <v>1381</v>
      </c>
      <c r="C434" s="166" t="s">
        <v>343</v>
      </c>
      <c r="D434" s="166" t="s">
        <v>343</v>
      </c>
      <c r="E434" s="129"/>
      <c r="F434" s="174" t="str">
        <f t="shared" si="22"/>
        <v/>
      </c>
      <c r="G434" s="174" t="str">
        <f t="shared" si="23"/>
        <v/>
      </c>
    </row>
    <row r="435" spans="1:7" x14ac:dyDescent="0.3">
      <c r="A435" s="156" t="s">
        <v>1382</v>
      </c>
      <c r="B435" s="166" t="s">
        <v>1383</v>
      </c>
      <c r="C435" s="166" t="s">
        <v>343</v>
      </c>
      <c r="D435" s="166" t="s">
        <v>343</v>
      </c>
      <c r="E435" s="129"/>
      <c r="F435" s="174" t="str">
        <f t="shared" si="22"/>
        <v/>
      </c>
      <c r="G435" s="174" t="str">
        <f t="shared" si="23"/>
        <v/>
      </c>
    </row>
    <row r="436" spans="1:7" x14ac:dyDescent="0.3">
      <c r="A436" s="156" t="s">
        <v>1384</v>
      </c>
      <c r="B436" s="166" t="s">
        <v>1385</v>
      </c>
      <c r="C436" s="166" t="s">
        <v>343</v>
      </c>
      <c r="D436" s="166" t="s">
        <v>343</v>
      </c>
      <c r="E436" s="129"/>
      <c r="F436" s="174" t="str">
        <f t="shared" si="22"/>
        <v/>
      </c>
      <c r="G436" s="174" t="str">
        <f t="shared" si="23"/>
        <v/>
      </c>
    </row>
    <row r="437" spans="1:7" x14ac:dyDescent="0.3">
      <c r="A437" s="156" t="s">
        <v>1386</v>
      </c>
      <c r="B437" s="166"/>
      <c r="C437" s="166"/>
      <c r="D437" s="166"/>
      <c r="E437" s="151"/>
      <c r="F437" s="174" t="str">
        <f t="shared" si="22"/>
        <v/>
      </c>
      <c r="G437" s="174" t="str">
        <f t="shared" si="23"/>
        <v/>
      </c>
    </row>
    <row r="438" spans="1:7" x14ac:dyDescent="0.3">
      <c r="A438" s="156" t="s">
        <v>1387</v>
      </c>
      <c r="B438" s="166"/>
      <c r="C438" s="166"/>
      <c r="D438" s="166"/>
      <c r="E438" s="151"/>
      <c r="F438" s="174" t="str">
        <f t="shared" si="22"/>
        <v/>
      </c>
      <c r="G438" s="174" t="str">
        <f t="shared" si="23"/>
        <v/>
      </c>
    </row>
    <row r="439" spans="1:7" x14ac:dyDescent="0.3">
      <c r="A439" s="156" t="s">
        <v>1388</v>
      </c>
      <c r="B439" s="166"/>
      <c r="C439" s="166"/>
      <c r="D439" s="166"/>
      <c r="E439" s="151"/>
      <c r="F439" s="174" t="str">
        <f t="shared" si="22"/>
        <v/>
      </c>
      <c r="G439" s="174" t="str">
        <f t="shared" si="23"/>
        <v/>
      </c>
    </row>
    <row r="440" spans="1:7" x14ac:dyDescent="0.3">
      <c r="A440" s="156" t="s">
        <v>1389</v>
      </c>
      <c r="B440" s="166"/>
      <c r="C440" s="166"/>
      <c r="D440" s="166"/>
      <c r="E440" s="151"/>
      <c r="F440" s="174" t="str">
        <f t="shared" si="22"/>
        <v/>
      </c>
      <c r="G440" s="174" t="str">
        <f t="shared" si="23"/>
        <v/>
      </c>
    </row>
    <row r="441" spans="1:7" x14ac:dyDescent="0.3">
      <c r="A441" s="156" t="s">
        <v>1390</v>
      </c>
      <c r="B441" s="166"/>
      <c r="C441" s="166"/>
      <c r="D441" s="166"/>
      <c r="E441" s="151"/>
      <c r="F441" s="174" t="str">
        <f t="shared" si="22"/>
        <v/>
      </c>
      <c r="G441" s="174" t="str">
        <f t="shared" si="23"/>
        <v/>
      </c>
    </row>
    <row r="442" spans="1:7" x14ac:dyDescent="0.3">
      <c r="A442" s="156" t="s">
        <v>1391</v>
      </c>
      <c r="B442" s="166"/>
      <c r="C442" s="166"/>
      <c r="D442" s="166"/>
      <c r="E442" s="151"/>
      <c r="F442" s="174" t="str">
        <f t="shared" si="22"/>
        <v/>
      </c>
      <c r="G442" s="174" t="str">
        <f t="shared" si="23"/>
        <v/>
      </c>
    </row>
    <row r="443" spans="1:7" x14ac:dyDescent="0.3">
      <c r="A443" s="156" t="s">
        <v>1392</v>
      </c>
      <c r="B443" s="166"/>
      <c r="C443" s="166"/>
      <c r="D443" s="166"/>
      <c r="F443" s="174" t="str">
        <f t="shared" si="22"/>
        <v/>
      </c>
      <c r="G443" s="174" t="str">
        <f t="shared" si="23"/>
        <v/>
      </c>
    </row>
    <row r="444" spans="1:7" x14ac:dyDescent="0.3">
      <c r="A444" s="156" t="s">
        <v>1393</v>
      </c>
      <c r="B444" s="166"/>
      <c r="C444" s="166"/>
      <c r="D444" s="166"/>
      <c r="E444" s="114"/>
      <c r="F444" s="174" t="str">
        <f t="shared" si="22"/>
        <v/>
      </c>
      <c r="G444" s="174" t="str">
        <f t="shared" si="23"/>
        <v/>
      </c>
    </row>
    <row r="445" spans="1:7" x14ac:dyDescent="0.3">
      <c r="A445" s="156" t="s">
        <v>1394</v>
      </c>
      <c r="B445" s="166"/>
      <c r="C445" s="166"/>
      <c r="D445" s="166"/>
      <c r="E445" s="114"/>
      <c r="F445" s="174" t="str">
        <f t="shared" si="22"/>
        <v/>
      </c>
      <c r="G445" s="174" t="str">
        <f t="shared" si="23"/>
        <v/>
      </c>
    </row>
    <row r="446" spans="1:7" x14ac:dyDescent="0.3">
      <c r="A446" s="156" t="s">
        <v>1395</v>
      </c>
      <c r="B446" s="166"/>
      <c r="C446" s="166"/>
      <c r="D446" s="166"/>
      <c r="E446" s="114"/>
      <c r="F446" s="174" t="str">
        <f t="shared" si="22"/>
        <v/>
      </c>
      <c r="G446" s="174" t="str">
        <f t="shared" si="23"/>
        <v/>
      </c>
    </row>
    <row r="447" spans="1:7" x14ac:dyDescent="0.3">
      <c r="A447" s="156" t="s">
        <v>1396</v>
      </c>
      <c r="B447" s="166"/>
      <c r="C447" s="166"/>
      <c r="D447" s="166"/>
      <c r="E447" s="114"/>
      <c r="F447" s="174" t="str">
        <f t="shared" si="22"/>
        <v/>
      </c>
      <c r="G447" s="174" t="str">
        <f t="shared" si="23"/>
        <v/>
      </c>
    </row>
    <row r="448" spans="1:7" x14ac:dyDescent="0.3">
      <c r="A448" s="156" t="s">
        <v>1397</v>
      </c>
      <c r="B448" s="166"/>
      <c r="C448" s="166"/>
      <c r="D448" s="166"/>
      <c r="E448" s="114"/>
      <c r="F448" s="174" t="str">
        <f t="shared" si="22"/>
        <v/>
      </c>
      <c r="G448" s="174" t="str">
        <f t="shared" si="23"/>
        <v/>
      </c>
    </row>
    <row r="449" spans="1:7" x14ac:dyDescent="0.3">
      <c r="A449" s="156" t="s">
        <v>1398</v>
      </c>
      <c r="B449" s="166"/>
      <c r="C449" s="166"/>
      <c r="D449" s="166"/>
      <c r="E449" s="114"/>
      <c r="F449" s="174" t="str">
        <f t="shared" si="22"/>
        <v/>
      </c>
      <c r="G449" s="174" t="str">
        <f t="shared" si="23"/>
        <v/>
      </c>
    </row>
    <row r="450" spans="1:7" x14ac:dyDescent="0.3">
      <c r="A450" s="156" t="s">
        <v>1399</v>
      </c>
      <c r="B450" s="166"/>
      <c r="C450" s="166"/>
      <c r="D450" s="166"/>
      <c r="E450" s="114"/>
      <c r="F450" s="174" t="str">
        <f t="shared" si="22"/>
        <v/>
      </c>
      <c r="G450" s="174" t="str">
        <f t="shared" si="23"/>
        <v/>
      </c>
    </row>
    <row r="451" spans="1:7" x14ac:dyDescent="0.3">
      <c r="A451" s="156" t="s">
        <v>1400</v>
      </c>
      <c r="B451" s="166"/>
      <c r="C451" s="166"/>
      <c r="D451" s="166"/>
      <c r="E451" s="114"/>
      <c r="F451" s="174" t="str">
        <f t="shared" si="22"/>
        <v/>
      </c>
      <c r="G451" s="174" t="str">
        <f t="shared" si="23"/>
        <v/>
      </c>
    </row>
    <row r="452" spans="1:7" x14ac:dyDescent="0.3">
      <c r="A452" s="156" t="s">
        <v>1401</v>
      </c>
      <c r="B452" s="151" t="s">
        <v>366</v>
      </c>
      <c r="C452" s="169">
        <f>SUM(C428:C451)</f>
        <v>0</v>
      </c>
      <c r="D452" s="116">
        <f>SUM(D428:D451)</f>
        <v>0</v>
      </c>
      <c r="E452" s="114"/>
      <c r="F452" s="175">
        <f>SUM(F428:F451)</f>
        <v>0</v>
      </c>
      <c r="G452" s="175">
        <f>SUM(G428:G451)</f>
        <v>0</v>
      </c>
    </row>
    <row r="453" spans="1:7" ht="15" customHeight="1" x14ac:dyDescent="0.3">
      <c r="A453" s="103"/>
      <c r="B453" s="103" t="s">
        <v>1402</v>
      </c>
      <c r="C453" s="103" t="s">
        <v>1062</v>
      </c>
      <c r="D453" s="103" t="s">
        <v>1063</v>
      </c>
      <c r="E453" s="103"/>
      <c r="F453" s="103" t="s">
        <v>859</v>
      </c>
      <c r="G453" s="103" t="s">
        <v>1064</v>
      </c>
    </row>
    <row r="454" spans="1:7" x14ac:dyDescent="0.3">
      <c r="A454" s="156" t="s">
        <v>1403</v>
      </c>
      <c r="B454" s="156" t="s">
        <v>1107</v>
      </c>
      <c r="C454" s="166" t="s">
        <v>343</v>
      </c>
      <c r="G454" s="156"/>
    </row>
    <row r="455" spans="1:7" x14ac:dyDescent="0.3">
      <c r="G455" s="156"/>
    </row>
    <row r="456" spans="1:7" x14ac:dyDescent="0.3">
      <c r="B456" s="151" t="s">
        <v>1108</v>
      </c>
      <c r="G456" s="156"/>
    </row>
    <row r="457" spans="1:7" x14ac:dyDescent="0.3">
      <c r="A457" s="156" t="s">
        <v>1404</v>
      </c>
      <c r="B457" s="156" t="s">
        <v>1110</v>
      </c>
      <c r="C457" s="166" t="s">
        <v>343</v>
      </c>
      <c r="D457" s="166" t="s">
        <v>343</v>
      </c>
      <c r="F457" s="174" t="str">
        <f t="shared" ref="F457:F464" si="24">IF($C$465=0,"",IF(C457="[for completion]","",C457/$C$465))</f>
        <v/>
      </c>
      <c r="G457" s="174" t="str">
        <f t="shared" ref="G457:G464" si="25">IF($D$465=0,"",IF(D457="[for completion]","",D457/$D$465))</f>
        <v/>
      </c>
    </row>
    <row r="458" spans="1:7" x14ac:dyDescent="0.3">
      <c r="A458" s="156" t="s">
        <v>1405</v>
      </c>
      <c r="B458" s="156" t="s">
        <v>1112</v>
      </c>
      <c r="C458" s="166" t="s">
        <v>343</v>
      </c>
      <c r="D458" s="166" t="s">
        <v>343</v>
      </c>
      <c r="F458" s="174" t="str">
        <f t="shared" si="24"/>
        <v/>
      </c>
      <c r="G458" s="174" t="str">
        <f t="shared" si="25"/>
        <v/>
      </c>
    </row>
    <row r="459" spans="1:7" x14ac:dyDescent="0.3">
      <c r="A459" s="156" t="s">
        <v>1406</v>
      </c>
      <c r="B459" s="156" t="s">
        <v>1114</v>
      </c>
      <c r="C459" s="166" t="s">
        <v>343</v>
      </c>
      <c r="D459" s="166" t="s">
        <v>343</v>
      </c>
      <c r="F459" s="174" t="str">
        <f t="shared" si="24"/>
        <v/>
      </c>
      <c r="G459" s="174" t="str">
        <f t="shared" si="25"/>
        <v/>
      </c>
    </row>
    <row r="460" spans="1:7" x14ac:dyDescent="0.3">
      <c r="A460" s="156" t="s">
        <v>1407</v>
      </c>
      <c r="B460" s="156" t="s">
        <v>1116</v>
      </c>
      <c r="C460" s="166" t="s">
        <v>343</v>
      </c>
      <c r="D460" s="166" t="s">
        <v>343</v>
      </c>
      <c r="F460" s="174" t="str">
        <f t="shared" si="24"/>
        <v/>
      </c>
      <c r="G460" s="174" t="str">
        <f t="shared" si="25"/>
        <v/>
      </c>
    </row>
    <row r="461" spans="1:7" x14ac:dyDescent="0.3">
      <c r="A461" s="156" t="s">
        <v>1408</v>
      </c>
      <c r="B461" s="156" t="s">
        <v>1118</v>
      </c>
      <c r="C461" s="166" t="s">
        <v>343</v>
      </c>
      <c r="D461" s="166" t="s">
        <v>343</v>
      </c>
      <c r="F461" s="174" t="str">
        <f t="shared" si="24"/>
        <v/>
      </c>
      <c r="G461" s="174" t="str">
        <f t="shared" si="25"/>
        <v/>
      </c>
    </row>
    <row r="462" spans="1:7" x14ac:dyDescent="0.3">
      <c r="A462" s="156" t="s">
        <v>1409</v>
      </c>
      <c r="B462" s="156" t="s">
        <v>1120</v>
      </c>
      <c r="C462" s="166" t="s">
        <v>343</v>
      </c>
      <c r="D462" s="166" t="s">
        <v>343</v>
      </c>
      <c r="F462" s="174" t="str">
        <f t="shared" si="24"/>
        <v/>
      </c>
      <c r="G462" s="174" t="str">
        <f t="shared" si="25"/>
        <v/>
      </c>
    </row>
    <row r="463" spans="1:7" x14ac:dyDescent="0.3">
      <c r="A463" s="156" t="s">
        <v>1410</v>
      </c>
      <c r="B463" s="156" t="s">
        <v>1122</v>
      </c>
      <c r="C463" s="166" t="s">
        <v>343</v>
      </c>
      <c r="D463" s="166" t="s">
        <v>343</v>
      </c>
      <c r="F463" s="174" t="str">
        <f t="shared" si="24"/>
        <v/>
      </c>
      <c r="G463" s="174" t="str">
        <f t="shared" si="25"/>
        <v/>
      </c>
    </row>
    <row r="464" spans="1:7" x14ac:dyDescent="0.3">
      <c r="A464" s="156" t="s">
        <v>1411</v>
      </c>
      <c r="B464" s="156" t="s">
        <v>1124</v>
      </c>
      <c r="C464" s="166" t="s">
        <v>343</v>
      </c>
      <c r="D464" s="166" t="s">
        <v>343</v>
      </c>
      <c r="F464" s="174" t="str">
        <f t="shared" si="24"/>
        <v/>
      </c>
      <c r="G464" s="174" t="str">
        <f t="shared" si="25"/>
        <v/>
      </c>
    </row>
    <row r="465" spans="1:7" x14ac:dyDescent="0.3">
      <c r="A465" s="156" t="s">
        <v>1412</v>
      </c>
      <c r="B465" s="115" t="s">
        <v>366</v>
      </c>
      <c r="C465" s="169">
        <f>SUM(C457:C464)</f>
        <v>0</v>
      </c>
      <c r="D465" s="147">
        <f>SUM(D457:D464)</f>
        <v>0</v>
      </c>
      <c r="F465" s="173">
        <f>SUM(F457:F464)</f>
        <v>0</v>
      </c>
      <c r="G465" s="173">
        <f>SUM(G457:G464)</f>
        <v>0</v>
      </c>
    </row>
    <row r="466" spans="1:7" outlineLevel="1" x14ac:dyDescent="0.3">
      <c r="A466" s="156" t="s">
        <v>1413</v>
      </c>
      <c r="B466" s="106" t="s">
        <v>1127</v>
      </c>
      <c r="C466" s="170"/>
      <c r="D466" s="147"/>
      <c r="F466" s="174" t="str">
        <f t="shared" ref="F466:F471" si="26">IF($C$465=0,"",IF(C466="[for completion]","",C466/$C$465))</f>
        <v/>
      </c>
      <c r="G466" s="174" t="str">
        <f t="shared" ref="G466:G471" si="27">IF($D$465=0,"",IF(D466="[for completion]","",D466/$D$465))</f>
        <v/>
      </c>
    </row>
    <row r="467" spans="1:7" outlineLevel="1" x14ac:dyDescent="0.3">
      <c r="A467" s="156" t="s">
        <v>1414</v>
      </c>
      <c r="B467" s="106" t="s">
        <v>1129</v>
      </c>
      <c r="C467" s="170"/>
      <c r="D467" s="147"/>
      <c r="F467" s="174" t="str">
        <f t="shared" si="26"/>
        <v/>
      </c>
      <c r="G467" s="174" t="str">
        <f t="shared" si="27"/>
        <v/>
      </c>
    </row>
    <row r="468" spans="1:7" outlineLevel="1" x14ac:dyDescent="0.3">
      <c r="A468" s="156" t="s">
        <v>1415</v>
      </c>
      <c r="B468" s="106" t="s">
        <v>1131</v>
      </c>
      <c r="C468" s="170"/>
      <c r="D468" s="147"/>
      <c r="F468" s="174" t="str">
        <f t="shared" si="26"/>
        <v/>
      </c>
      <c r="G468" s="174" t="str">
        <f t="shared" si="27"/>
        <v/>
      </c>
    </row>
    <row r="469" spans="1:7" outlineLevel="1" x14ac:dyDescent="0.3">
      <c r="A469" s="156" t="s">
        <v>1416</v>
      </c>
      <c r="B469" s="106" t="s">
        <v>1133</v>
      </c>
      <c r="C469" s="170"/>
      <c r="D469" s="147"/>
      <c r="F469" s="174" t="str">
        <f t="shared" si="26"/>
        <v/>
      </c>
      <c r="G469" s="174" t="str">
        <f t="shared" si="27"/>
        <v/>
      </c>
    </row>
    <row r="470" spans="1:7" outlineLevel="1" x14ac:dyDescent="0.3">
      <c r="A470" s="156" t="s">
        <v>1417</v>
      </c>
      <c r="B470" s="106" t="s">
        <v>1135</v>
      </c>
      <c r="C470" s="170"/>
      <c r="D470" s="147"/>
      <c r="F470" s="174" t="str">
        <f t="shared" si="26"/>
        <v/>
      </c>
      <c r="G470" s="174" t="str">
        <f t="shared" si="27"/>
        <v/>
      </c>
    </row>
    <row r="471" spans="1:7" outlineLevel="1" x14ac:dyDescent="0.3">
      <c r="A471" s="156" t="s">
        <v>1418</v>
      </c>
      <c r="B471" s="106" t="s">
        <v>1137</v>
      </c>
      <c r="C471" s="170"/>
      <c r="D471" s="147"/>
      <c r="F471" s="174" t="str">
        <f t="shared" si="26"/>
        <v/>
      </c>
      <c r="G471" s="174" t="str">
        <f t="shared" si="27"/>
        <v/>
      </c>
    </row>
    <row r="472" spans="1:7" outlineLevel="1" x14ac:dyDescent="0.3">
      <c r="A472" s="156" t="s">
        <v>1419</v>
      </c>
      <c r="B472" s="106"/>
      <c r="F472" s="117"/>
      <c r="G472" s="117"/>
    </row>
    <row r="473" spans="1:7" outlineLevel="1" x14ac:dyDescent="0.3">
      <c r="A473" s="156" t="s">
        <v>1420</v>
      </c>
      <c r="B473" s="106"/>
      <c r="F473" s="117"/>
      <c r="G473" s="117"/>
    </row>
    <row r="474" spans="1:7" outlineLevel="1" x14ac:dyDescent="0.3">
      <c r="A474" s="156" t="s">
        <v>1421</v>
      </c>
      <c r="B474" s="106"/>
      <c r="F474" s="114"/>
      <c r="G474" s="114"/>
    </row>
    <row r="475" spans="1:7" ht="15" customHeight="1" x14ac:dyDescent="0.3">
      <c r="A475" s="103"/>
      <c r="B475" s="103" t="s">
        <v>1422</v>
      </c>
      <c r="C475" s="103" t="s">
        <v>1062</v>
      </c>
      <c r="D475" s="103" t="s">
        <v>1063</v>
      </c>
      <c r="E475" s="103"/>
      <c r="F475" s="103" t="s">
        <v>859</v>
      </c>
      <c r="G475" s="103" t="s">
        <v>1064</v>
      </c>
    </row>
    <row r="476" spans="1:7" x14ac:dyDescent="0.3">
      <c r="A476" s="156" t="s">
        <v>1423</v>
      </c>
      <c r="B476" s="156" t="s">
        <v>1107</v>
      </c>
      <c r="C476" s="166" t="s">
        <v>343</v>
      </c>
      <c r="G476" s="156"/>
    </row>
    <row r="477" spans="1:7" x14ac:dyDescent="0.3">
      <c r="G477" s="156"/>
    </row>
    <row r="478" spans="1:7" x14ac:dyDescent="0.3">
      <c r="B478" s="151" t="s">
        <v>1108</v>
      </c>
      <c r="G478" s="156"/>
    </row>
    <row r="479" spans="1:7" x14ac:dyDescent="0.3">
      <c r="A479" s="156" t="s">
        <v>1424</v>
      </c>
      <c r="B479" s="156" t="s">
        <v>1110</v>
      </c>
      <c r="C479" s="166" t="s">
        <v>343</v>
      </c>
      <c r="D479" s="166" t="s">
        <v>343</v>
      </c>
      <c r="F479" s="174" t="str">
        <f t="shared" ref="F479:F486" si="28">IF($C$487=0,"",IF(C479="[Mark as ND1 if not relevant]","",C479/$C$487))</f>
        <v/>
      </c>
      <c r="G479" s="174" t="str">
        <f t="shared" ref="G479:G486" si="29">IF($D$487=0,"",IF(D479="[Mark as ND1 if not relevant]","",D479/$D$487))</f>
        <v/>
      </c>
    </row>
    <row r="480" spans="1:7" x14ac:dyDescent="0.3">
      <c r="A480" s="156" t="s">
        <v>1425</v>
      </c>
      <c r="B480" s="156" t="s">
        <v>1112</v>
      </c>
      <c r="C480" s="166" t="s">
        <v>343</v>
      </c>
      <c r="D480" s="166" t="s">
        <v>343</v>
      </c>
      <c r="F480" s="174" t="str">
        <f t="shared" si="28"/>
        <v/>
      </c>
      <c r="G480" s="174" t="str">
        <f t="shared" si="29"/>
        <v/>
      </c>
    </row>
    <row r="481" spans="1:7" x14ac:dyDescent="0.3">
      <c r="A481" s="156" t="s">
        <v>1426</v>
      </c>
      <c r="B481" s="156" t="s">
        <v>1114</v>
      </c>
      <c r="C481" s="166" t="s">
        <v>343</v>
      </c>
      <c r="D481" s="166" t="s">
        <v>343</v>
      </c>
      <c r="F481" s="174" t="str">
        <f t="shared" si="28"/>
        <v/>
      </c>
      <c r="G481" s="174" t="str">
        <f t="shared" si="29"/>
        <v/>
      </c>
    </row>
    <row r="482" spans="1:7" x14ac:dyDescent="0.3">
      <c r="A482" s="156" t="s">
        <v>1427</v>
      </c>
      <c r="B482" s="156" t="s">
        <v>1116</v>
      </c>
      <c r="C482" s="166" t="s">
        <v>343</v>
      </c>
      <c r="D482" s="166" t="s">
        <v>343</v>
      </c>
      <c r="F482" s="174" t="str">
        <f t="shared" si="28"/>
        <v/>
      </c>
      <c r="G482" s="174" t="str">
        <f t="shared" si="29"/>
        <v/>
      </c>
    </row>
    <row r="483" spans="1:7" x14ac:dyDescent="0.3">
      <c r="A483" s="156" t="s">
        <v>1428</v>
      </c>
      <c r="B483" s="156" t="s">
        <v>1118</v>
      </c>
      <c r="C483" s="166" t="s">
        <v>343</v>
      </c>
      <c r="D483" s="166" t="s">
        <v>343</v>
      </c>
      <c r="F483" s="174" t="str">
        <f t="shared" si="28"/>
        <v/>
      </c>
      <c r="G483" s="174" t="str">
        <f t="shared" si="29"/>
        <v/>
      </c>
    </row>
    <row r="484" spans="1:7" x14ac:dyDescent="0.3">
      <c r="A484" s="156" t="s">
        <v>1429</v>
      </c>
      <c r="B484" s="156" t="s">
        <v>1120</v>
      </c>
      <c r="C484" s="166" t="s">
        <v>343</v>
      </c>
      <c r="D484" s="166" t="s">
        <v>343</v>
      </c>
      <c r="F484" s="174" t="str">
        <f t="shared" si="28"/>
        <v/>
      </c>
      <c r="G484" s="174" t="str">
        <f t="shared" si="29"/>
        <v/>
      </c>
    </row>
    <row r="485" spans="1:7" x14ac:dyDescent="0.3">
      <c r="A485" s="156" t="s">
        <v>1430</v>
      </c>
      <c r="B485" s="156" t="s">
        <v>1122</v>
      </c>
      <c r="C485" s="166" t="s">
        <v>343</v>
      </c>
      <c r="D485" s="166" t="s">
        <v>343</v>
      </c>
      <c r="F485" s="174" t="str">
        <f t="shared" si="28"/>
        <v/>
      </c>
      <c r="G485" s="174" t="str">
        <f t="shared" si="29"/>
        <v/>
      </c>
    </row>
    <row r="486" spans="1:7" x14ac:dyDescent="0.3">
      <c r="A486" s="156" t="s">
        <v>1431</v>
      </c>
      <c r="B486" s="156" t="s">
        <v>1124</v>
      </c>
      <c r="C486" s="166" t="s">
        <v>343</v>
      </c>
      <c r="D486" s="166" t="s">
        <v>343</v>
      </c>
      <c r="F486" s="174" t="str">
        <f t="shared" si="28"/>
        <v/>
      </c>
      <c r="G486" s="174" t="str">
        <f t="shared" si="29"/>
        <v/>
      </c>
    </row>
    <row r="487" spans="1:7" x14ac:dyDescent="0.3">
      <c r="A487" s="156" t="s">
        <v>1432</v>
      </c>
      <c r="B487" s="115" t="s">
        <v>366</v>
      </c>
      <c r="C487" s="169">
        <f>SUM(C479:C486)</f>
        <v>0</v>
      </c>
      <c r="D487" s="147">
        <f>SUM(D479:D486)</f>
        <v>0</v>
      </c>
      <c r="F487" s="173">
        <f>SUM(F479:F486)</f>
        <v>0</v>
      </c>
      <c r="G487" s="173">
        <f>SUM(G479:G486)</f>
        <v>0</v>
      </c>
    </row>
    <row r="488" spans="1:7" outlineLevel="1" x14ac:dyDescent="0.3">
      <c r="A488" s="156" t="s">
        <v>1433</v>
      </c>
      <c r="B488" s="106" t="s">
        <v>1127</v>
      </c>
      <c r="C488" s="170"/>
      <c r="D488" s="147"/>
      <c r="F488" s="174" t="str">
        <f t="shared" ref="F488:F493" si="30">IF($C$487=0,"",IF(C488="[for completion]","",C488/$C$487))</f>
        <v/>
      </c>
      <c r="G488" s="174" t="str">
        <f t="shared" ref="G488:G493" si="31">IF($D$487=0,"",IF(D488="[for completion]","",D488/$D$487))</f>
        <v/>
      </c>
    </row>
    <row r="489" spans="1:7" outlineLevel="1" x14ac:dyDescent="0.3">
      <c r="A489" s="156" t="s">
        <v>1434</v>
      </c>
      <c r="B489" s="106" t="s">
        <v>1129</v>
      </c>
      <c r="C489" s="170"/>
      <c r="D489" s="147"/>
      <c r="F489" s="174" t="str">
        <f t="shared" si="30"/>
        <v/>
      </c>
      <c r="G489" s="174" t="str">
        <f t="shared" si="31"/>
        <v/>
      </c>
    </row>
    <row r="490" spans="1:7" outlineLevel="1" x14ac:dyDescent="0.3">
      <c r="A490" s="156" t="s">
        <v>1435</v>
      </c>
      <c r="B490" s="106" t="s">
        <v>1131</v>
      </c>
      <c r="C490" s="170"/>
      <c r="D490" s="147"/>
      <c r="F490" s="174" t="str">
        <f t="shared" si="30"/>
        <v/>
      </c>
      <c r="G490" s="174" t="str">
        <f t="shared" si="31"/>
        <v/>
      </c>
    </row>
    <row r="491" spans="1:7" outlineLevel="1" x14ac:dyDescent="0.3">
      <c r="A491" s="156" t="s">
        <v>1436</v>
      </c>
      <c r="B491" s="106" t="s">
        <v>1133</v>
      </c>
      <c r="C491" s="170"/>
      <c r="D491" s="147"/>
      <c r="F491" s="174" t="str">
        <f t="shared" si="30"/>
        <v/>
      </c>
      <c r="G491" s="174" t="str">
        <f t="shared" si="31"/>
        <v/>
      </c>
    </row>
    <row r="492" spans="1:7" outlineLevel="1" x14ac:dyDescent="0.3">
      <c r="A492" s="156" t="s">
        <v>1437</v>
      </c>
      <c r="B492" s="106" t="s">
        <v>1135</v>
      </c>
      <c r="C492" s="170"/>
      <c r="D492" s="147"/>
      <c r="F492" s="174" t="str">
        <f t="shared" si="30"/>
        <v/>
      </c>
      <c r="G492" s="174" t="str">
        <f t="shared" si="31"/>
        <v/>
      </c>
    </row>
    <row r="493" spans="1:7" outlineLevel="1" x14ac:dyDescent="0.3">
      <c r="A493" s="156" t="s">
        <v>1438</v>
      </c>
      <c r="B493" s="106" t="s">
        <v>1137</v>
      </c>
      <c r="C493" s="170"/>
      <c r="D493" s="147"/>
      <c r="F493" s="174" t="str">
        <f t="shared" si="30"/>
        <v/>
      </c>
      <c r="G493" s="174" t="str">
        <f t="shared" si="31"/>
        <v/>
      </c>
    </row>
    <row r="494" spans="1:7" outlineLevel="1" x14ac:dyDescent="0.3">
      <c r="A494" s="156" t="s">
        <v>1439</v>
      </c>
      <c r="B494" s="106"/>
      <c r="F494" s="174"/>
      <c r="G494" s="174"/>
    </row>
    <row r="495" spans="1:7" outlineLevel="1" x14ac:dyDescent="0.3">
      <c r="A495" s="156" t="s">
        <v>1440</v>
      </c>
      <c r="B495" s="106"/>
      <c r="F495" s="174"/>
      <c r="G495" s="174"/>
    </row>
    <row r="496" spans="1:7" outlineLevel="1" x14ac:dyDescent="0.3">
      <c r="A496" s="156" t="s">
        <v>1441</v>
      </c>
      <c r="B496" s="106"/>
      <c r="F496" s="174"/>
      <c r="G496" s="173"/>
    </row>
    <row r="497" spans="1:7" ht="15" customHeight="1" x14ac:dyDescent="0.3">
      <c r="A497" s="103"/>
      <c r="B497" s="103" t="s">
        <v>1442</v>
      </c>
      <c r="C497" s="103" t="s">
        <v>1443</v>
      </c>
      <c r="D497" s="103"/>
      <c r="E497" s="103"/>
      <c r="F497" s="103"/>
      <c r="G497" s="80"/>
    </row>
    <row r="498" spans="1:7" x14ac:dyDescent="0.3">
      <c r="A498" s="156" t="s">
        <v>1444</v>
      </c>
      <c r="B498" s="151" t="s">
        <v>1445</v>
      </c>
      <c r="C498" s="166" t="s">
        <v>343</v>
      </c>
      <c r="G498" s="156"/>
    </row>
    <row r="499" spans="1:7" x14ac:dyDescent="0.3">
      <c r="A499" s="156" t="s">
        <v>1446</v>
      </c>
      <c r="B499" s="151" t="s">
        <v>1447</v>
      </c>
      <c r="C499" s="166" t="s">
        <v>343</v>
      </c>
      <c r="G499" s="156"/>
    </row>
    <row r="500" spans="1:7" x14ac:dyDescent="0.3">
      <c r="A500" s="156" t="s">
        <v>1448</v>
      </c>
      <c r="B500" s="151" t="s">
        <v>1449</v>
      </c>
      <c r="C500" s="166" t="s">
        <v>343</v>
      </c>
      <c r="G500" s="156"/>
    </row>
    <row r="501" spans="1:7" x14ac:dyDescent="0.3">
      <c r="A501" s="156" t="s">
        <v>1450</v>
      </c>
      <c r="B501" s="151" t="s">
        <v>1451</v>
      </c>
      <c r="C501" s="166" t="s">
        <v>343</v>
      </c>
      <c r="G501" s="156"/>
    </row>
    <row r="502" spans="1:7" x14ac:dyDescent="0.3">
      <c r="A502" s="156" t="s">
        <v>1452</v>
      </c>
      <c r="B502" s="151" t="s">
        <v>1453</v>
      </c>
      <c r="C502" s="166" t="s">
        <v>343</v>
      </c>
      <c r="G502" s="156"/>
    </row>
    <row r="503" spans="1:7" x14ac:dyDescent="0.3">
      <c r="A503" s="156" t="s">
        <v>1454</v>
      </c>
      <c r="B503" s="151" t="s">
        <v>1455</v>
      </c>
      <c r="C503" s="166" t="s">
        <v>343</v>
      </c>
      <c r="G503" s="156"/>
    </row>
    <row r="504" spans="1:7" x14ac:dyDescent="0.3">
      <c r="A504" s="156" t="s">
        <v>1456</v>
      </c>
      <c r="B504" s="151" t="s">
        <v>1457</v>
      </c>
      <c r="C504" s="166" t="s">
        <v>343</v>
      </c>
      <c r="G504" s="156"/>
    </row>
    <row r="505" spans="1:7" x14ac:dyDescent="0.3">
      <c r="A505" s="156" t="s">
        <v>1458</v>
      </c>
      <c r="B505" s="151" t="s">
        <v>1459</v>
      </c>
      <c r="C505" s="166" t="s">
        <v>343</v>
      </c>
      <c r="G505" s="156"/>
    </row>
    <row r="506" spans="1:7" x14ac:dyDescent="0.3">
      <c r="A506" s="156" t="s">
        <v>1460</v>
      </c>
      <c r="B506" s="151" t="s">
        <v>1461</v>
      </c>
      <c r="C506" s="166" t="s">
        <v>343</v>
      </c>
      <c r="G506" s="156"/>
    </row>
    <row r="507" spans="1:7" x14ac:dyDescent="0.3">
      <c r="A507" s="156" t="s">
        <v>1462</v>
      </c>
      <c r="B507" s="151" t="s">
        <v>1463</v>
      </c>
      <c r="C507" s="166" t="s">
        <v>343</v>
      </c>
      <c r="G507" s="156"/>
    </row>
    <row r="508" spans="1:7" x14ac:dyDescent="0.3">
      <c r="A508" s="156" t="s">
        <v>1464</v>
      </c>
      <c r="B508" s="151" t="s">
        <v>1465</v>
      </c>
      <c r="C508" s="166" t="s">
        <v>343</v>
      </c>
      <c r="G508" s="156"/>
    </row>
    <row r="509" spans="1:7" x14ac:dyDescent="0.3">
      <c r="A509" s="156" t="s">
        <v>1466</v>
      </c>
      <c r="B509" s="151" t="s">
        <v>1467</v>
      </c>
      <c r="C509" s="166" t="s">
        <v>343</v>
      </c>
      <c r="G509" s="156"/>
    </row>
    <row r="510" spans="1:7" x14ac:dyDescent="0.3">
      <c r="A510" s="156" t="s">
        <v>1468</v>
      </c>
      <c r="B510" s="151" t="s">
        <v>364</v>
      </c>
      <c r="C510" s="166" t="s">
        <v>343</v>
      </c>
      <c r="G510" s="156"/>
    </row>
    <row r="511" spans="1:7" outlineLevel="1" x14ac:dyDescent="0.3">
      <c r="A511" s="156" t="s">
        <v>1469</v>
      </c>
      <c r="B511" s="106" t="s">
        <v>1470</v>
      </c>
      <c r="C511" s="173"/>
      <c r="G511" s="156"/>
    </row>
    <row r="512" spans="1:7" outlineLevel="1" x14ac:dyDescent="0.3">
      <c r="A512" s="156" t="s">
        <v>1471</v>
      </c>
      <c r="B512" s="106" t="s">
        <v>368</v>
      </c>
      <c r="C512" s="173"/>
      <c r="G512" s="156"/>
    </row>
    <row r="513" spans="1:7" outlineLevel="1" x14ac:dyDescent="0.3">
      <c r="A513" s="156" t="s">
        <v>1472</v>
      </c>
      <c r="B513" s="106" t="s">
        <v>368</v>
      </c>
      <c r="C513" s="173"/>
      <c r="G513" s="156"/>
    </row>
    <row r="514" spans="1:7" outlineLevel="1" x14ac:dyDescent="0.3">
      <c r="A514" s="156" t="s">
        <v>1473</v>
      </c>
      <c r="B514" s="106" t="s">
        <v>368</v>
      </c>
      <c r="C514" s="173"/>
      <c r="G514" s="156"/>
    </row>
    <row r="515" spans="1:7" outlineLevel="1" x14ac:dyDescent="0.3">
      <c r="A515" s="156" t="s">
        <v>1474</v>
      </c>
      <c r="B515" s="106" t="s">
        <v>368</v>
      </c>
      <c r="C515" s="173"/>
      <c r="G515" s="156"/>
    </row>
    <row r="516" spans="1:7" outlineLevel="1" x14ac:dyDescent="0.3">
      <c r="A516" s="156" t="s">
        <v>1475</v>
      </c>
      <c r="B516" s="106" t="s">
        <v>368</v>
      </c>
      <c r="C516" s="173"/>
      <c r="G516" s="156"/>
    </row>
    <row r="517" spans="1:7" outlineLevel="1" x14ac:dyDescent="0.3">
      <c r="A517" s="156" t="s">
        <v>1476</v>
      </c>
      <c r="B517" s="106" t="s">
        <v>368</v>
      </c>
      <c r="C517" s="173"/>
      <c r="G517" s="156"/>
    </row>
    <row r="518" spans="1:7" outlineLevel="1" x14ac:dyDescent="0.3">
      <c r="A518" s="156" t="s">
        <v>1477</v>
      </c>
      <c r="B518" s="106" t="s">
        <v>368</v>
      </c>
      <c r="C518" s="173"/>
      <c r="G518" s="156"/>
    </row>
    <row r="519" spans="1:7" outlineLevel="1" x14ac:dyDescent="0.3">
      <c r="A519" s="156" t="s">
        <v>1478</v>
      </c>
      <c r="B519" s="106" t="s">
        <v>368</v>
      </c>
      <c r="C519" s="173"/>
      <c r="G519" s="156"/>
    </row>
    <row r="520" spans="1:7" outlineLevel="1" x14ac:dyDescent="0.3">
      <c r="A520" s="156" t="s">
        <v>1479</v>
      </c>
      <c r="B520" s="106" t="s">
        <v>368</v>
      </c>
      <c r="C520" s="173"/>
      <c r="G520" s="156"/>
    </row>
    <row r="521" spans="1:7" outlineLevel="1" x14ac:dyDescent="0.3">
      <c r="A521" s="156" t="s">
        <v>1480</v>
      </c>
      <c r="B521" s="106" t="s">
        <v>368</v>
      </c>
      <c r="C521" s="173"/>
      <c r="G521" s="156"/>
    </row>
    <row r="522" spans="1:7" outlineLevel="1" x14ac:dyDescent="0.3">
      <c r="A522" s="156" t="s">
        <v>1481</v>
      </c>
      <c r="B522" s="106" t="s">
        <v>368</v>
      </c>
      <c r="C522" s="173"/>
    </row>
    <row r="523" spans="1:7" outlineLevel="1" x14ac:dyDescent="0.3">
      <c r="A523" s="156" t="s">
        <v>1482</v>
      </c>
      <c r="B523" s="106" t="s">
        <v>368</v>
      </c>
      <c r="C523" s="173"/>
    </row>
    <row r="524" spans="1:7" outlineLevel="1" x14ac:dyDescent="0.3">
      <c r="A524" s="156" t="s">
        <v>1483</v>
      </c>
      <c r="B524" s="106" t="s">
        <v>368</v>
      </c>
      <c r="C524" s="173"/>
    </row>
    <row r="525" spans="1:7" x14ac:dyDescent="0.3">
      <c r="A525" s="149"/>
      <c r="B525" s="149" t="s">
        <v>1484</v>
      </c>
      <c r="C525" s="103" t="s">
        <v>325</v>
      </c>
      <c r="D525" s="103" t="s">
        <v>1485</v>
      </c>
      <c r="E525" s="103"/>
      <c r="F525" s="103" t="s">
        <v>859</v>
      </c>
      <c r="G525" s="103" t="s">
        <v>1486</v>
      </c>
    </row>
    <row r="526" spans="1:7" x14ac:dyDescent="0.3">
      <c r="A526" s="156" t="s">
        <v>1487</v>
      </c>
      <c r="B526" s="151" t="s">
        <v>1205</v>
      </c>
      <c r="C526" s="170" t="s">
        <v>1057</v>
      </c>
      <c r="D526" s="147" t="s">
        <v>1057</v>
      </c>
      <c r="E526" s="145"/>
      <c r="F526" s="174" t="str">
        <f t="shared" ref="F526:F543" si="32">IF($C$544=0,"",IF(C526="[for completion]","",IF(C526="","",C526/$C$544)))</f>
        <v/>
      </c>
      <c r="G526" s="174" t="str">
        <f t="shared" ref="G526:G543" si="33">IF($D$544=0,"",IF(D526="[for completion]","",IF(D526="","",D526/$D$544)))</f>
        <v/>
      </c>
    </row>
    <row r="527" spans="1:7" x14ac:dyDescent="0.3">
      <c r="A527" s="156" t="s">
        <v>1488</v>
      </c>
      <c r="B527" s="151" t="s">
        <v>1205</v>
      </c>
      <c r="C527" s="170" t="s">
        <v>1057</v>
      </c>
      <c r="D527" s="147" t="s">
        <v>1057</v>
      </c>
      <c r="E527" s="145"/>
      <c r="F527" s="174" t="str">
        <f t="shared" si="32"/>
        <v/>
      </c>
      <c r="G527" s="174" t="str">
        <f t="shared" si="33"/>
        <v/>
      </c>
    </row>
    <row r="528" spans="1:7" x14ac:dyDescent="0.3">
      <c r="A528" s="156" t="s">
        <v>1489</v>
      </c>
      <c r="B528" s="151" t="s">
        <v>1205</v>
      </c>
      <c r="C528" s="170" t="s">
        <v>1057</v>
      </c>
      <c r="D528" s="147" t="s">
        <v>1057</v>
      </c>
      <c r="E528" s="145"/>
      <c r="F528" s="174" t="str">
        <f t="shared" si="32"/>
        <v/>
      </c>
      <c r="G528" s="174" t="str">
        <f t="shared" si="33"/>
        <v/>
      </c>
    </row>
    <row r="529" spans="1:7" x14ac:dyDescent="0.3">
      <c r="A529" s="156" t="s">
        <v>1490</v>
      </c>
      <c r="B529" s="151" t="s">
        <v>1205</v>
      </c>
      <c r="C529" s="170" t="s">
        <v>1057</v>
      </c>
      <c r="D529" s="147" t="s">
        <v>1057</v>
      </c>
      <c r="E529" s="145"/>
      <c r="F529" s="174" t="str">
        <f t="shared" si="32"/>
        <v/>
      </c>
      <c r="G529" s="174" t="str">
        <f t="shared" si="33"/>
        <v/>
      </c>
    </row>
    <row r="530" spans="1:7" x14ac:dyDescent="0.3">
      <c r="A530" s="156" t="s">
        <v>1491</v>
      </c>
      <c r="B530" s="151" t="s">
        <v>1205</v>
      </c>
      <c r="C530" s="170" t="s">
        <v>1057</v>
      </c>
      <c r="D530" s="147" t="s">
        <v>1057</v>
      </c>
      <c r="E530" s="145"/>
      <c r="F530" s="174" t="str">
        <f t="shared" si="32"/>
        <v/>
      </c>
      <c r="G530" s="174" t="str">
        <f t="shared" si="33"/>
        <v/>
      </c>
    </row>
    <row r="531" spans="1:7" x14ac:dyDescent="0.3">
      <c r="A531" s="156" t="s">
        <v>1492</v>
      </c>
      <c r="B531" s="151" t="s">
        <v>1205</v>
      </c>
      <c r="C531" s="170" t="s">
        <v>1057</v>
      </c>
      <c r="D531" s="147" t="s">
        <v>1057</v>
      </c>
      <c r="E531" s="145"/>
      <c r="F531" s="174" t="str">
        <f t="shared" si="32"/>
        <v/>
      </c>
      <c r="G531" s="174" t="str">
        <f t="shared" si="33"/>
        <v/>
      </c>
    </row>
    <row r="532" spans="1:7" x14ac:dyDescent="0.3">
      <c r="A532" s="156" t="s">
        <v>1493</v>
      </c>
      <c r="B532" s="151" t="s">
        <v>1205</v>
      </c>
      <c r="C532" s="170" t="s">
        <v>1057</v>
      </c>
      <c r="D532" s="147" t="s">
        <v>1057</v>
      </c>
      <c r="E532" s="145"/>
      <c r="F532" s="174" t="str">
        <f t="shared" si="32"/>
        <v/>
      </c>
      <c r="G532" s="174" t="str">
        <f t="shared" si="33"/>
        <v/>
      </c>
    </row>
    <row r="533" spans="1:7" x14ac:dyDescent="0.3">
      <c r="A533" s="156" t="s">
        <v>1494</v>
      </c>
      <c r="B533" s="151" t="s">
        <v>1205</v>
      </c>
      <c r="C533" s="170" t="s">
        <v>1057</v>
      </c>
      <c r="D533" s="147" t="s">
        <v>1057</v>
      </c>
      <c r="E533" s="145"/>
      <c r="F533" s="174" t="str">
        <f t="shared" si="32"/>
        <v/>
      </c>
      <c r="G533" s="174" t="str">
        <f t="shared" si="33"/>
        <v/>
      </c>
    </row>
    <row r="534" spans="1:7" x14ac:dyDescent="0.3">
      <c r="A534" s="156" t="s">
        <v>1495</v>
      </c>
      <c r="B534" s="151" t="s">
        <v>1205</v>
      </c>
      <c r="C534" s="170" t="s">
        <v>1057</v>
      </c>
      <c r="D534" s="147" t="s">
        <v>1057</v>
      </c>
      <c r="E534" s="145"/>
      <c r="F534" s="174" t="str">
        <f t="shared" si="32"/>
        <v/>
      </c>
      <c r="G534" s="174" t="str">
        <f t="shared" si="33"/>
        <v/>
      </c>
    </row>
    <row r="535" spans="1:7" x14ac:dyDescent="0.3">
      <c r="A535" s="156" t="s">
        <v>1496</v>
      </c>
      <c r="B535" s="151" t="s">
        <v>1205</v>
      </c>
      <c r="C535" s="170" t="s">
        <v>1057</v>
      </c>
      <c r="D535" s="147" t="s">
        <v>1057</v>
      </c>
      <c r="E535" s="145"/>
      <c r="F535" s="174" t="str">
        <f t="shared" si="32"/>
        <v/>
      </c>
      <c r="G535" s="174" t="str">
        <f t="shared" si="33"/>
        <v/>
      </c>
    </row>
    <row r="536" spans="1:7" x14ac:dyDescent="0.3">
      <c r="A536" s="156" t="s">
        <v>1497</v>
      </c>
      <c r="B536" s="151" t="s">
        <v>1205</v>
      </c>
      <c r="C536" s="170" t="s">
        <v>1057</v>
      </c>
      <c r="D536" s="147" t="s">
        <v>1057</v>
      </c>
      <c r="E536" s="145"/>
      <c r="F536" s="174" t="str">
        <f t="shared" si="32"/>
        <v/>
      </c>
      <c r="G536" s="174" t="str">
        <f t="shared" si="33"/>
        <v/>
      </c>
    </row>
    <row r="537" spans="1:7" x14ac:dyDescent="0.3">
      <c r="A537" s="156" t="s">
        <v>1498</v>
      </c>
      <c r="B537" s="151" t="s">
        <v>1205</v>
      </c>
      <c r="C537" s="170" t="s">
        <v>1057</v>
      </c>
      <c r="D537" s="147" t="s">
        <v>1057</v>
      </c>
      <c r="E537" s="145"/>
      <c r="F537" s="174" t="str">
        <f t="shared" si="32"/>
        <v/>
      </c>
      <c r="G537" s="174" t="str">
        <f t="shared" si="33"/>
        <v/>
      </c>
    </row>
    <row r="538" spans="1:7" x14ac:dyDescent="0.3">
      <c r="A538" s="156" t="s">
        <v>1499</v>
      </c>
      <c r="B538" s="151" t="s">
        <v>1205</v>
      </c>
      <c r="C538" s="170" t="s">
        <v>1057</v>
      </c>
      <c r="D538" s="147" t="s">
        <v>1057</v>
      </c>
      <c r="E538" s="145"/>
      <c r="F538" s="174" t="str">
        <f t="shared" si="32"/>
        <v/>
      </c>
      <c r="G538" s="174" t="str">
        <f t="shared" si="33"/>
        <v/>
      </c>
    </row>
    <row r="539" spans="1:7" x14ac:dyDescent="0.3">
      <c r="A539" s="156" t="s">
        <v>1500</v>
      </c>
      <c r="B539" s="151" t="s">
        <v>1205</v>
      </c>
      <c r="C539" s="170" t="s">
        <v>1057</v>
      </c>
      <c r="D539" s="147" t="s">
        <v>1057</v>
      </c>
      <c r="E539" s="145"/>
      <c r="F539" s="174" t="str">
        <f t="shared" si="32"/>
        <v/>
      </c>
      <c r="G539" s="174" t="str">
        <f t="shared" si="33"/>
        <v/>
      </c>
    </row>
    <row r="540" spans="1:7" x14ac:dyDescent="0.3">
      <c r="A540" s="156" t="s">
        <v>1501</v>
      </c>
      <c r="B540" s="151" t="s">
        <v>1205</v>
      </c>
      <c r="C540" s="170" t="s">
        <v>1057</v>
      </c>
      <c r="D540" s="147" t="s">
        <v>1057</v>
      </c>
      <c r="E540" s="145"/>
      <c r="F540" s="174" t="str">
        <f t="shared" si="32"/>
        <v/>
      </c>
      <c r="G540" s="174" t="str">
        <f t="shared" si="33"/>
        <v/>
      </c>
    </row>
    <row r="541" spans="1:7" x14ac:dyDescent="0.3">
      <c r="A541" s="156" t="s">
        <v>1502</v>
      </c>
      <c r="B541" s="151" t="s">
        <v>1205</v>
      </c>
      <c r="C541" s="170" t="s">
        <v>1057</v>
      </c>
      <c r="D541" s="147" t="s">
        <v>1057</v>
      </c>
      <c r="E541" s="145"/>
      <c r="F541" s="174" t="str">
        <f t="shared" si="32"/>
        <v/>
      </c>
      <c r="G541" s="174" t="str">
        <f t="shared" si="33"/>
        <v/>
      </c>
    </row>
    <row r="542" spans="1:7" x14ac:dyDescent="0.3">
      <c r="A542" s="156" t="s">
        <v>1503</v>
      </c>
      <c r="B542" s="151" t="s">
        <v>1205</v>
      </c>
      <c r="C542" s="170" t="s">
        <v>1057</v>
      </c>
      <c r="D542" s="147" t="s">
        <v>1057</v>
      </c>
      <c r="E542" s="145"/>
      <c r="F542" s="174" t="str">
        <f t="shared" si="32"/>
        <v/>
      </c>
      <c r="G542" s="174" t="str">
        <f t="shared" si="33"/>
        <v/>
      </c>
    </row>
    <row r="543" spans="1:7" x14ac:dyDescent="0.3">
      <c r="A543" s="156" t="s">
        <v>1504</v>
      </c>
      <c r="B543" s="151" t="s">
        <v>1223</v>
      </c>
      <c r="C543" s="170" t="s">
        <v>1057</v>
      </c>
      <c r="D543" s="147" t="s">
        <v>1057</v>
      </c>
      <c r="E543" s="145"/>
      <c r="F543" s="174" t="str">
        <f t="shared" si="32"/>
        <v/>
      </c>
      <c r="G543" s="174" t="str">
        <f t="shared" si="33"/>
        <v/>
      </c>
    </row>
    <row r="544" spans="1:7" x14ac:dyDescent="0.3">
      <c r="A544" s="156" t="s">
        <v>1505</v>
      </c>
      <c r="B544" s="151" t="s">
        <v>366</v>
      </c>
      <c r="C544" s="170">
        <f>SUM(C526:C543)</f>
        <v>0</v>
      </c>
      <c r="D544" s="147">
        <f>SUM(D526:D543)</f>
        <v>0</v>
      </c>
      <c r="E544" s="145"/>
      <c r="F544" s="173">
        <f>SUM(F526:F543)</f>
        <v>0</v>
      </c>
      <c r="G544" s="173">
        <f>SUM(G526:G543)</f>
        <v>0</v>
      </c>
    </row>
    <row r="545" spans="1:7" x14ac:dyDescent="0.3">
      <c r="A545" s="156" t="s">
        <v>1506</v>
      </c>
      <c r="B545" s="151"/>
      <c r="E545" s="145"/>
      <c r="F545" s="145"/>
      <c r="G545" s="145"/>
    </row>
    <row r="546" spans="1:7" x14ac:dyDescent="0.3">
      <c r="A546" s="156" t="s">
        <v>1507</v>
      </c>
      <c r="B546" s="151"/>
      <c r="E546" s="145"/>
      <c r="F546" s="145"/>
      <c r="G546" s="145"/>
    </row>
    <row r="547" spans="1:7" x14ac:dyDescent="0.3">
      <c r="A547" s="156" t="s">
        <v>1508</v>
      </c>
      <c r="B547" s="151"/>
      <c r="E547" s="145"/>
      <c r="F547" s="145"/>
      <c r="G547" s="145"/>
    </row>
    <row r="548" spans="1:7" x14ac:dyDescent="0.3">
      <c r="A548" s="149"/>
      <c r="B548" s="149" t="s">
        <v>1509</v>
      </c>
      <c r="C548" s="103" t="s">
        <v>325</v>
      </c>
      <c r="D548" s="103" t="s">
        <v>1485</v>
      </c>
      <c r="E548" s="103"/>
      <c r="F548" s="103" t="s">
        <v>859</v>
      </c>
      <c r="G548" s="103" t="s">
        <v>1486</v>
      </c>
    </row>
    <row r="549" spans="1:7" x14ac:dyDescent="0.3">
      <c r="A549" s="156" t="s">
        <v>1510</v>
      </c>
      <c r="B549" s="151" t="s">
        <v>1205</v>
      </c>
      <c r="C549" s="170" t="s">
        <v>1057</v>
      </c>
      <c r="D549" s="147" t="s">
        <v>1057</v>
      </c>
      <c r="E549" s="145"/>
      <c r="F549" s="174" t="str">
        <f t="shared" ref="F549:F566" si="34">IF($C$567=0,"",IF(C549="[for completion]","",IF(C549="","",C549/$C$567)))</f>
        <v/>
      </c>
      <c r="G549" s="174" t="str">
        <f t="shared" ref="G549:G566" si="35">IF($D$567=0,"",IF(D549="[for completion]","",IF(D549="","",D549/$D$567)))</f>
        <v/>
      </c>
    </row>
    <row r="550" spans="1:7" x14ac:dyDescent="0.3">
      <c r="A550" s="156" t="s">
        <v>1511</v>
      </c>
      <c r="B550" s="151" t="s">
        <v>1205</v>
      </c>
      <c r="C550" s="170" t="s">
        <v>1057</v>
      </c>
      <c r="D550" s="147" t="s">
        <v>1057</v>
      </c>
      <c r="E550" s="145"/>
      <c r="F550" s="174" t="str">
        <f t="shared" si="34"/>
        <v/>
      </c>
      <c r="G550" s="174" t="str">
        <f t="shared" si="35"/>
        <v/>
      </c>
    </row>
    <row r="551" spans="1:7" x14ac:dyDescent="0.3">
      <c r="A551" s="156" t="s">
        <v>1512</v>
      </c>
      <c r="B551" s="151" t="s">
        <v>1205</v>
      </c>
      <c r="C551" s="170" t="s">
        <v>1057</v>
      </c>
      <c r="D551" s="147" t="s">
        <v>1057</v>
      </c>
      <c r="E551" s="145"/>
      <c r="F551" s="174" t="str">
        <f t="shared" si="34"/>
        <v/>
      </c>
      <c r="G551" s="174" t="str">
        <f t="shared" si="35"/>
        <v/>
      </c>
    </row>
    <row r="552" spans="1:7" x14ac:dyDescent="0.3">
      <c r="A552" s="156" t="s">
        <v>1513</v>
      </c>
      <c r="B552" s="151" t="s">
        <v>1205</v>
      </c>
      <c r="C552" s="170" t="s">
        <v>1057</v>
      </c>
      <c r="D552" s="147" t="s">
        <v>1057</v>
      </c>
      <c r="E552" s="145"/>
      <c r="F552" s="174" t="str">
        <f t="shared" si="34"/>
        <v/>
      </c>
      <c r="G552" s="174" t="str">
        <f t="shared" si="35"/>
        <v/>
      </c>
    </row>
    <row r="553" spans="1:7" x14ac:dyDescent="0.3">
      <c r="A553" s="156" t="s">
        <v>1514</v>
      </c>
      <c r="B553" s="151" t="s">
        <v>1205</v>
      </c>
      <c r="C553" s="170" t="s">
        <v>1057</v>
      </c>
      <c r="D553" s="147" t="s">
        <v>1057</v>
      </c>
      <c r="E553" s="145"/>
      <c r="F553" s="174" t="str">
        <f t="shared" si="34"/>
        <v/>
      </c>
      <c r="G553" s="174" t="str">
        <f t="shared" si="35"/>
        <v/>
      </c>
    </row>
    <row r="554" spans="1:7" x14ac:dyDescent="0.3">
      <c r="A554" s="156" t="s">
        <v>1515</v>
      </c>
      <c r="B554" s="151" t="s">
        <v>1205</v>
      </c>
      <c r="C554" s="170" t="s">
        <v>1057</v>
      </c>
      <c r="D554" s="147" t="s">
        <v>1057</v>
      </c>
      <c r="E554" s="145"/>
      <c r="F554" s="174" t="str">
        <f t="shared" si="34"/>
        <v/>
      </c>
      <c r="G554" s="174" t="str">
        <f t="shared" si="35"/>
        <v/>
      </c>
    </row>
    <row r="555" spans="1:7" x14ac:dyDescent="0.3">
      <c r="A555" s="156" t="s">
        <v>1516</v>
      </c>
      <c r="B555" s="151" t="s">
        <v>1205</v>
      </c>
      <c r="C555" s="170" t="s">
        <v>1057</v>
      </c>
      <c r="D555" s="147" t="s">
        <v>1057</v>
      </c>
      <c r="E555" s="145"/>
      <c r="F555" s="174" t="str">
        <f t="shared" si="34"/>
        <v/>
      </c>
      <c r="G555" s="174" t="str">
        <f t="shared" si="35"/>
        <v/>
      </c>
    </row>
    <row r="556" spans="1:7" x14ac:dyDescent="0.3">
      <c r="A556" s="156" t="s">
        <v>1517</v>
      </c>
      <c r="B556" s="151" t="s">
        <v>1205</v>
      </c>
      <c r="C556" s="170" t="s">
        <v>1057</v>
      </c>
      <c r="D556" s="147" t="s">
        <v>1057</v>
      </c>
      <c r="E556" s="145"/>
      <c r="F556" s="174" t="str">
        <f t="shared" si="34"/>
        <v/>
      </c>
      <c r="G556" s="174" t="str">
        <f t="shared" si="35"/>
        <v/>
      </c>
    </row>
    <row r="557" spans="1:7" x14ac:dyDescent="0.3">
      <c r="A557" s="156" t="s">
        <v>1518</v>
      </c>
      <c r="B557" s="151" t="s">
        <v>1205</v>
      </c>
      <c r="C557" s="170" t="s">
        <v>1057</v>
      </c>
      <c r="D557" s="147" t="s">
        <v>1057</v>
      </c>
      <c r="E557" s="145"/>
      <c r="F557" s="174" t="str">
        <f t="shared" si="34"/>
        <v/>
      </c>
      <c r="G557" s="174" t="str">
        <f t="shared" si="35"/>
        <v/>
      </c>
    </row>
    <row r="558" spans="1:7" x14ac:dyDescent="0.3">
      <c r="A558" s="156" t="s">
        <v>1519</v>
      </c>
      <c r="B558" s="151" t="s">
        <v>1205</v>
      </c>
      <c r="C558" s="170" t="s">
        <v>1057</v>
      </c>
      <c r="D558" s="147" t="s">
        <v>1057</v>
      </c>
      <c r="E558" s="145"/>
      <c r="F558" s="174" t="str">
        <f t="shared" si="34"/>
        <v/>
      </c>
      <c r="G558" s="174" t="str">
        <f t="shared" si="35"/>
        <v/>
      </c>
    </row>
    <row r="559" spans="1:7" x14ac:dyDescent="0.3">
      <c r="A559" s="156" t="s">
        <v>1520</v>
      </c>
      <c r="B559" s="151" t="s">
        <v>1205</v>
      </c>
      <c r="C559" s="170" t="s">
        <v>1057</v>
      </c>
      <c r="D559" s="147" t="s">
        <v>1057</v>
      </c>
      <c r="E559" s="145"/>
      <c r="F559" s="174" t="str">
        <f t="shared" si="34"/>
        <v/>
      </c>
      <c r="G559" s="174" t="str">
        <f t="shared" si="35"/>
        <v/>
      </c>
    </row>
    <row r="560" spans="1:7" x14ac:dyDescent="0.3">
      <c r="A560" s="156" t="s">
        <v>1521</v>
      </c>
      <c r="B560" s="151" t="s">
        <v>1205</v>
      </c>
      <c r="C560" s="170" t="s">
        <v>1057</v>
      </c>
      <c r="D560" s="147" t="s">
        <v>1057</v>
      </c>
      <c r="E560" s="145"/>
      <c r="F560" s="174" t="str">
        <f t="shared" si="34"/>
        <v/>
      </c>
      <c r="G560" s="174" t="str">
        <f t="shared" si="35"/>
        <v/>
      </c>
    </row>
    <row r="561" spans="1:7" x14ac:dyDescent="0.3">
      <c r="A561" s="156" t="s">
        <v>1522</v>
      </c>
      <c r="B561" s="151" t="s">
        <v>1205</v>
      </c>
      <c r="C561" s="170" t="s">
        <v>1057</v>
      </c>
      <c r="D561" s="147" t="s">
        <v>1057</v>
      </c>
      <c r="E561" s="145"/>
      <c r="F561" s="174" t="str">
        <f t="shared" si="34"/>
        <v/>
      </c>
      <c r="G561" s="174" t="str">
        <f t="shared" si="35"/>
        <v/>
      </c>
    </row>
    <row r="562" spans="1:7" x14ac:dyDescent="0.3">
      <c r="A562" s="156" t="s">
        <v>1523</v>
      </c>
      <c r="B562" s="151" t="s">
        <v>1205</v>
      </c>
      <c r="C562" s="170" t="s">
        <v>1057</v>
      </c>
      <c r="D562" s="147" t="s">
        <v>1057</v>
      </c>
      <c r="E562" s="145"/>
      <c r="F562" s="174" t="str">
        <f t="shared" si="34"/>
        <v/>
      </c>
      <c r="G562" s="174" t="str">
        <f t="shared" si="35"/>
        <v/>
      </c>
    </row>
    <row r="563" spans="1:7" x14ac:dyDescent="0.3">
      <c r="A563" s="156" t="s">
        <v>1524</v>
      </c>
      <c r="B563" s="151" t="s">
        <v>1205</v>
      </c>
      <c r="C563" s="170" t="s">
        <v>1057</v>
      </c>
      <c r="D563" s="147" t="s">
        <v>1057</v>
      </c>
      <c r="E563" s="145"/>
      <c r="F563" s="174" t="str">
        <f t="shared" si="34"/>
        <v/>
      </c>
      <c r="G563" s="174" t="str">
        <f t="shared" si="35"/>
        <v/>
      </c>
    </row>
    <row r="564" spans="1:7" x14ac:dyDescent="0.3">
      <c r="A564" s="156" t="s">
        <v>1525</v>
      </c>
      <c r="B564" s="151" t="s">
        <v>1205</v>
      </c>
      <c r="C564" s="170" t="s">
        <v>1057</v>
      </c>
      <c r="D564" s="147" t="s">
        <v>1057</v>
      </c>
      <c r="E564" s="145"/>
      <c r="F564" s="174" t="str">
        <f t="shared" si="34"/>
        <v/>
      </c>
      <c r="G564" s="174" t="str">
        <f t="shared" si="35"/>
        <v/>
      </c>
    </row>
    <row r="565" spans="1:7" x14ac:dyDescent="0.3">
      <c r="A565" s="156" t="s">
        <v>1526</v>
      </c>
      <c r="B565" s="151" t="s">
        <v>1205</v>
      </c>
      <c r="C565" s="170" t="s">
        <v>1057</v>
      </c>
      <c r="D565" s="147" t="s">
        <v>1057</v>
      </c>
      <c r="E565" s="145"/>
      <c r="F565" s="174" t="str">
        <f t="shared" si="34"/>
        <v/>
      </c>
      <c r="G565" s="174" t="str">
        <f t="shared" si="35"/>
        <v/>
      </c>
    </row>
    <row r="566" spans="1:7" x14ac:dyDescent="0.3">
      <c r="A566" s="156" t="s">
        <v>1527</v>
      </c>
      <c r="B566" s="151" t="s">
        <v>1223</v>
      </c>
      <c r="C566" s="170" t="s">
        <v>1057</v>
      </c>
      <c r="D566" s="147" t="s">
        <v>1057</v>
      </c>
      <c r="E566" s="145"/>
      <c r="F566" s="174" t="str">
        <f t="shared" si="34"/>
        <v/>
      </c>
      <c r="G566" s="174" t="str">
        <f t="shared" si="35"/>
        <v/>
      </c>
    </row>
    <row r="567" spans="1:7" x14ac:dyDescent="0.3">
      <c r="A567" s="156" t="s">
        <v>1528</v>
      </c>
      <c r="B567" s="151" t="s">
        <v>366</v>
      </c>
      <c r="C567" s="170">
        <f>SUM(C549:C566)</f>
        <v>0</v>
      </c>
      <c r="D567" s="147">
        <f>SUM(D549:D566)</f>
        <v>0</v>
      </c>
      <c r="E567" s="145"/>
      <c r="F567" s="173">
        <f>SUM(F549:F566)</f>
        <v>0</v>
      </c>
      <c r="G567" s="173">
        <f>SUM(G549:G566)</f>
        <v>0</v>
      </c>
    </row>
    <row r="568" spans="1:7" x14ac:dyDescent="0.3">
      <c r="A568" s="156" t="s">
        <v>1529</v>
      </c>
      <c r="B568" s="151"/>
      <c r="E568" s="145"/>
      <c r="F568" s="145"/>
      <c r="G568" s="145"/>
    </row>
    <row r="569" spans="1:7" x14ac:dyDescent="0.3">
      <c r="A569" s="156" t="s">
        <v>1530</v>
      </c>
      <c r="B569" s="151"/>
      <c r="E569" s="145"/>
      <c r="F569" s="145"/>
      <c r="G569" s="145"/>
    </row>
    <row r="570" spans="1:7" x14ac:dyDescent="0.3">
      <c r="A570" s="156" t="s">
        <v>1531</v>
      </c>
      <c r="B570" s="151"/>
      <c r="E570" s="145"/>
      <c r="F570" s="145"/>
      <c r="G570" s="145"/>
    </row>
    <row r="571" spans="1:7" x14ac:dyDescent="0.3">
      <c r="A571" s="149"/>
      <c r="B571" s="149" t="s">
        <v>1532</v>
      </c>
      <c r="C571" s="103" t="s">
        <v>325</v>
      </c>
      <c r="D571" s="103" t="s">
        <v>1485</v>
      </c>
      <c r="E571" s="103"/>
      <c r="F571" s="103" t="s">
        <v>859</v>
      </c>
      <c r="G571" s="103" t="s">
        <v>1486</v>
      </c>
    </row>
    <row r="572" spans="1:7" x14ac:dyDescent="0.3">
      <c r="A572" s="156" t="s">
        <v>1533</v>
      </c>
      <c r="B572" s="151" t="s">
        <v>1253</v>
      </c>
      <c r="C572" s="170" t="s">
        <v>1057</v>
      </c>
      <c r="D572" s="147" t="s">
        <v>1057</v>
      </c>
      <c r="E572" s="145"/>
      <c r="F572" s="174" t="str">
        <f t="shared" ref="F572:F584" si="36">IF($C$585=0,"",IF(C572="[for completion]","",IF(C572="","",C572/$C$585)))</f>
        <v/>
      </c>
      <c r="G572" s="174" t="str">
        <f t="shared" ref="G572:G584" si="37">IF($D$585=0,"",IF(D572="[for completion]","",IF(D572="","",D572/$D$585)))</f>
        <v/>
      </c>
    </row>
    <row r="573" spans="1:7" x14ac:dyDescent="0.3">
      <c r="A573" s="156" t="s">
        <v>1534</v>
      </c>
      <c r="B573" s="151" t="s">
        <v>1255</v>
      </c>
      <c r="C573" s="170" t="s">
        <v>1057</v>
      </c>
      <c r="D573" s="147" t="s">
        <v>1057</v>
      </c>
      <c r="E573" s="145"/>
      <c r="F573" s="174" t="str">
        <f t="shared" si="36"/>
        <v/>
      </c>
      <c r="G573" s="174" t="str">
        <f t="shared" si="37"/>
        <v/>
      </c>
    </row>
    <row r="574" spans="1:7" x14ac:dyDescent="0.3">
      <c r="A574" s="156" t="s">
        <v>1535</v>
      </c>
      <c r="B574" s="151" t="s">
        <v>1257</v>
      </c>
      <c r="C574" s="170" t="s">
        <v>1057</v>
      </c>
      <c r="D574" s="147" t="s">
        <v>1057</v>
      </c>
      <c r="E574" s="145"/>
      <c r="F574" s="174" t="str">
        <f t="shared" si="36"/>
        <v/>
      </c>
      <c r="G574" s="174" t="str">
        <f t="shared" si="37"/>
        <v/>
      </c>
    </row>
    <row r="575" spans="1:7" x14ac:dyDescent="0.3">
      <c r="A575" s="156" t="s">
        <v>1536</v>
      </c>
      <c r="B575" s="151" t="s">
        <v>1259</v>
      </c>
      <c r="C575" s="170" t="s">
        <v>1057</v>
      </c>
      <c r="D575" s="147" t="s">
        <v>1057</v>
      </c>
      <c r="E575" s="145"/>
      <c r="F575" s="174" t="str">
        <f t="shared" si="36"/>
        <v/>
      </c>
      <c r="G575" s="174" t="str">
        <f t="shared" si="37"/>
        <v/>
      </c>
    </row>
    <row r="576" spans="1:7" x14ac:dyDescent="0.3">
      <c r="A576" s="156" t="s">
        <v>1537</v>
      </c>
      <c r="B576" s="151" t="s">
        <v>1261</v>
      </c>
      <c r="C576" s="170" t="s">
        <v>1057</v>
      </c>
      <c r="D576" s="147" t="s">
        <v>1057</v>
      </c>
      <c r="E576" s="145"/>
      <c r="F576" s="174" t="str">
        <f t="shared" si="36"/>
        <v/>
      </c>
      <c r="G576" s="174" t="str">
        <f t="shared" si="37"/>
        <v/>
      </c>
    </row>
    <row r="577" spans="1:7" x14ac:dyDescent="0.3">
      <c r="A577" s="156" t="s">
        <v>1538</v>
      </c>
      <c r="B577" s="151" t="s">
        <v>1263</v>
      </c>
      <c r="C577" s="170" t="s">
        <v>1057</v>
      </c>
      <c r="D577" s="147" t="s">
        <v>1057</v>
      </c>
      <c r="E577" s="145"/>
      <c r="F577" s="174" t="str">
        <f t="shared" si="36"/>
        <v/>
      </c>
      <c r="G577" s="174" t="str">
        <f t="shared" si="37"/>
        <v/>
      </c>
    </row>
    <row r="578" spans="1:7" x14ac:dyDescent="0.3">
      <c r="A578" s="156" t="s">
        <v>1539</v>
      </c>
      <c r="B578" s="151" t="s">
        <v>1265</v>
      </c>
      <c r="C578" s="170" t="s">
        <v>1057</v>
      </c>
      <c r="D578" s="147" t="s">
        <v>1057</v>
      </c>
      <c r="E578" s="145"/>
      <c r="F578" s="174" t="str">
        <f t="shared" si="36"/>
        <v/>
      </c>
      <c r="G578" s="174" t="str">
        <f t="shared" si="37"/>
        <v/>
      </c>
    </row>
    <row r="579" spans="1:7" x14ac:dyDescent="0.3">
      <c r="A579" s="156" t="s">
        <v>1540</v>
      </c>
      <c r="B579" s="151" t="s">
        <v>1267</v>
      </c>
      <c r="C579" s="170" t="s">
        <v>1057</v>
      </c>
      <c r="D579" s="147" t="s">
        <v>1057</v>
      </c>
      <c r="E579" s="145"/>
      <c r="F579" s="174" t="str">
        <f t="shared" si="36"/>
        <v/>
      </c>
      <c r="G579" s="174" t="str">
        <f t="shared" si="37"/>
        <v/>
      </c>
    </row>
    <row r="580" spans="1:7" x14ac:dyDescent="0.3">
      <c r="A580" s="156" t="s">
        <v>1541</v>
      </c>
      <c r="B580" s="151" t="s">
        <v>1269</v>
      </c>
      <c r="C580" s="170" t="s">
        <v>1057</v>
      </c>
      <c r="D580" s="156" t="s">
        <v>1057</v>
      </c>
      <c r="E580" s="145"/>
      <c r="F580" s="174" t="str">
        <f t="shared" si="36"/>
        <v/>
      </c>
      <c r="G580" s="174" t="str">
        <f t="shared" si="37"/>
        <v/>
      </c>
    </row>
    <row r="581" spans="1:7" x14ac:dyDescent="0.3">
      <c r="A581" s="156" t="s">
        <v>1542</v>
      </c>
      <c r="B581" s="156" t="s">
        <v>1271</v>
      </c>
      <c r="C581" s="170" t="s">
        <v>1057</v>
      </c>
      <c r="D581" s="156" t="s">
        <v>1057</v>
      </c>
      <c r="F581" s="174" t="str">
        <f t="shared" si="36"/>
        <v/>
      </c>
      <c r="G581" s="174" t="str">
        <f t="shared" si="37"/>
        <v/>
      </c>
    </row>
    <row r="582" spans="1:7" x14ac:dyDescent="0.3">
      <c r="A582" s="156" t="s">
        <v>1543</v>
      </c>
      <c r="B582" s="156" t="s">
        <v>1273</v>
      </c>
      <c r="C582" s="170" t="s">
        <v>1057</v>
      </c>
      <c r="D582" s="156" t="s">
        <v>1057</v>
      </c>
      <c r="F582" s="174" t="str">
        <f t="shared" si="36"/>
        <v/>
      </c>
      <c r="G582" s="174" t="str">
        <f t="shared" si="37"/>
        <v/>
      </c>
    </row>
    <row r="583" spans="1:7" x14ac:dyDescent="0.3">
      <c r="A583" s="156" t="s">
        <v>1544</v>
      </c>
      <c r="B583" s="151" t="s">
        <v>1275</v>
      </c>
      <c r="C583" s="170" t="s">
        <v>1057</v>
      </c>
      <c r="D583" s="156" t="s">
        <v>1057</v>
      </c>
      <c r="E583" s="145"/>
      <c r="F583" s="174" t="str">
        <f t="shared" si="36"/>
        <v/>
      </c>
      <c r="G583" s="174" t="str">
        <f t="shared" si="37"/>
        <v/>
      </c>
    </row>
    <row r="584" spans="1:7" x14ac:dyDescent="0.3">
      <c r="A584" s="156" t="s">
        <v>1545</v>
      </c>
      <c r="B584" s="156" t="s">
        <v>1223</v>
      </c>
      <c r="C584" s="170" t="s">
        <v>1057</v>
      </c>
      <c r="D584" s="147" t="s">
        <v>1057</v>
      </c>
      <c r="E584" s="145"/>
      <c r="F584" s="174" t="str">
        <f t="shared" si="36"/>
        <v/>
      </c>
      <c r="G584" s="174" t="str">
        <f t="shared" si="37"/>
        <v/>
      </c>
    </row>
    <row r="585" spans="1:7" x14ac:dyDescent="0.3">
      <c r="A585" s="156" t="s">
        <v>1546</v>
      </c>
      <c r="B585" s="151" t="s">
        <v>366</v>
      </c>
      <c r="C585" s="170">
        <f>SUM(C572:C584)</f>
        <v>0</v>
      </c>
      <c r="D585" s="147">
        <f>SUM(D572:D584)</f>
        <v>0</v>
      </c>
      <c r="E585" s="145"/>
      <c r="F585" s="173">
        <f>SUM(F572:F584)</f>
        <v>0</v>
      </c>
      <c r="G585" s="173">
        <f>SUM(G572:G584)</f>
        <v>0</v>
      </c>
    </row>
    <row r="586" spans="1:7" x14ac:dyDescent="0.3">
      <c r="A586" s="156" t="s">
        <v>1547</v>
      </c>
      <c r="B586" s="151"/>
      <c r="C586" s="170"/>
      <c r="D586" s="147"/>
      <c r="E586" s="145"/>
      <c r="F586" s="174"/>
      <c r="G586" s="174"/>
    </row>
    <row r="587" spans="1:7" x14ac:dyDescent="0.3">
      <c r="A587" s="156" t="s">
        <v>1548</v>
      </c>
      <c r="B587" s="151"/>
      <c r="C587" s="170"/>
      <c r="D587" s="147"/>
      <c r="E587" s="145"/>
      <c r="F587" s="174"/>
      <c r="G587" s="174"/>
    </row>
    <row r="588" spans="1:7" x14ac:dyDescent="0.3">
      <c r="A588" s="156" t="s">
        <v>1549</v>
      </c>
      <c r="B588" s="151"/>
      <c r="C588" s="170"/>
      <c r="D588" s="147"/>
      <c r="E588" s="145"/>
      <c r="F588" s="174"/>
      <c r="G588" s="174"/>
    </row>
    <row r="589" spans="1:7" x14ac:dyDescent="0.3">
      <c r="A589" s="156" t="s">
        <v>1550</v>
      </c>
      <c r="B589" s="151"/>
      <c r="C589" s="170"/>
      <c r="D589" s="147"/>
      <c r="E589" s="145"/>
      <c r="F589" s="174"/>
      <c r="G589" s="174"/>
    </row>
    <row r="590" spans="1:7" x14ac:dyDescent="0.3">
      <c r="A590" s="156" t="s">
        <v>1551</v>
      </c>
      <c r="B590" s="151"/>
      <c r="C590" s="170"/>
      <c r="D590" s="147"/>
      <c r="E590" s="145"/>
      <c r="F590" s="174"/>
      <c r="G590" s="174"/>
    </row>
    <row r="591" spans="1:7" x14ac:dyDescent="0.3">
      <c r="A591" s="156" t="s">
        <v>1552</v>
      </c>
      <c r="B591" s="151"/>
      <c r="C591" s="170"/>
      <c r="D591" s="147"/>
      <c r="E591" s="145"/>
      <c r="F591" s="174" t="str">
        <f>IF($C$585=0,"",IF(C591="[for completion]","",IF(C591="","",C591/$C$585)))</f>
        <v/>
      </c>
      <c r="G591" s="174" t="str">
        <f>IF($D$585=0,"",IF(D591="[for completion]","",IF(D591="","",D591/$D$585)))</f>
        <v/>
      </c>
    </row>
    <row r="592" spans="1:7" x14ac:dyDescent="0.3">
      <c r="A592" s="156" t="s">
        <v>1553</v>
      </c>
    </row>
    <row r="593" spans="1:7" x14ac:dyDescent="0.3">
      <c r="A593" s="156" t="s">
        <v>1554</v>
      </c>
    </row>
    <row r="594" spans="1:7" x14ac:dyDescent="0.3">
      <c r="A594" s="156" t="s">
        <v>1555</v>
      </c>
    </row>
    <row r="595" spans="1:7" x14ac:dyDescent="0.3">
      <c r="A595" s="156" t="s">
        <v>1556</v>
      </c>
    </row>
    <row r="596" spans="1:7" x14ac:dyDescent="0.3">
      <c r="A596" s="149"/>
      <c r="B596" s="149" t="s">
        <v>1557</v>
      </c>
      <c r="C596" s="103" t="s">
        <v>325</v>
      </c>
      <c r="D596" s="103" t="s">
        <v>1202</v>
      </c>
      <c r="E596" s="103"/>
      <c r="F596" s="103" t="s">
        <v>858</v>
      </c>
      <c r="G596" s="103" t="s">
        <v>1486</v>
      </c>
    </row>
    <row r="597" spans="1:7" x14ac:dyDescent="0.3">
      <c r="A597" s="156" t="s">
        <v>1558</v>
      </c>
      <c r="B597" s="151" t="s">
        <v>1306</v>
      </c>
      <c r="C597" s="170" t="s">
        <v>1057</v>
      </c>
      <c r="D597" s="147" t="s">
        <v>1057</v>
      </c>
      <c r="E597" s="145"/>
      <c r="F597" s="174" t="str">
        <f>IF($C$601=0,"",IF(C597="[for completion]","",IF(C597="","",C597/$C$601)))</f>
        <v/>
      </c>
      <c r="G597" s="174" t="str">
        <f>IF($D$601=0,"",IF(D597="[for completion]","",IF(D597="","",D597/$D$601)))</f>
        <v/>
      </c>
    </row>
    <row r="598" spans="1:7" x14ac:dyDescent="0.3">
      <c r="A598" s="156" t="s">
        <v>1559</v>
      </c>
      <c r="B598" s="146" t="s">
        <v>1560</v>
      </c>
      <c r="C598" s="170" t="s">
        <v>1057</v>
      </c>
      <c r="D598" s="147" t="s">
        <v>1057</v>
      </c>
      <c r="E598" s="145"/>
      <c r="F598" s="174" t="str">
        <f>IF($C$601=0,"",IF(C598="[for completion]","",IF(C598="","",C598/$C$601)))</f>
        <v/>
      </c>
      <c r="G598" s="174" t="str">
        <f>IF($D$601=0,"",IF(D598="[for completion]","",IF(D598="","",D598/$D$601)))</f>
        <v/>
      </c>
    </row>
    <row r="599" spans="1:7" x14ac:dyDescent="0.3">
      <c r="A599" s="156" t="s">
        <v>1561</v>
      </c>
      <c r="B599" s="151" t="s">
        <v>735</v>
      </c>
      <c r="C599" s="170" t="s">
        <v>1057</v>
      </c>
      <c r="D599" s="147" t="s">
        <v>1057</v>
      </c>
      <c r="E599" s="145"/>
      <c r="F599" s="174" t="str">
        <f>IF($C$601=0,"",IF(C599="[for completion]","",IF(C599="","",C599/$C$601)))</f>
        <v/>
      </c>
      <c r="G599" s="174" t="str">
        <f>IF($D$601=0,"",IF(D599="[for completion]","",IF(D599="","",D599/$D$601)))</f>
        <v/>
      </c>
    </row>
    <row r="600" spans="1:7" x14ac:dyDescent="0.3">
      <c r="A600" s="156" t="s">
        <v>1562</v>
      </c>
      <c r="B600" s="156" t="s">
        <v>1223</v>
      </c>
      <c r="C600" s="170" t="s">
        <v>1057</v>
      </c>
      <c r="D600" s="147" t="s">
        <v>1057</v>
      </c>
      <c r="E600" s="145"/>
      <c r="F600" s="174" t="str">
        <f>IF($C$601=0,"",IF(C600="[for completion]","",IF(C600="","",C600/$C$601)))</f>
        <v/>
      </c>
      <c r="G600" s="174" t="str">
        <f>IF($D$601=0,"",IF(D600="[for completion]","",IF(D600="","",D600/$D$601)))</f>
        <v/>
      </c>
    </row>
    <row r="601" spans="1:7" x14ac:dyDescent="0.3">
      <c r="A601" s="156" t="s">
        <v>1563</v>
      </c>
      <c r="B601" s="151" t="s">
        <v>366</v>
      </c>
      <c r="C601" s="170">
        <f>SUM(C597:C600)</f>
        <v>0</v>
      </c>
      <c r="D601" s="147">
        <f>SUM(D597:D600)</f>
        <v>0</v>
      </c>
      <c r="E601" s="145"/>
      <c r="F601" s="173">
        <f>SUM(F597:F600)</f>
        <v>0</v>
      </c>
      <c r="G601" s="173">
        <f>SUM(G597:G600)</f>
        <v>0</v>
      </c>
    </row>
    <row r="603" spans="1:7" x14ac:dyDescent="0.3">
      <c r="A603" s="149"/>
      <c r="B603" s="149" t="s">
        <v>1564</v>
      </c>
      <c r="C603" s="149" t="s">
        <v>1314</v>
      </c>
      <c r="D603" s="149" t="s">
        <v>1565</v>
      </c>
      <c r="E603" s="149"/>
      <c r="F603" s="149" t="s">
        <v>1316</v>
      </c>
      <c r="G603" s="149"/>
    </row>
    <row r="604" spans="1:7" x14ac:dyDescent="0.3">
      <c r="A604" s="156" t="s">
        <v>1566</v>
      </c>
      <c r="B604" s="151" t="s">
        <v>1445</v>
      </c>
      <c r="C604" s="193" t="s">
        <v>1057</v>
      </c>
      <c r="D604" s="164" t="s">
        <v>1057</v>
      </c>
      <c r="E604" s="148"/>
      <c r="F604" s="164" t="s">
        <v>1057</v>
      </c>
      <c r="G604" s="174" t="str">
        <f t="shared" ref="G604:G622" si="38">IF($D$622=0,"",IF(D604="[for completion]","",IF(D604="","",D604/$D$622)))</f>
        <v/>
      </c>
    </row>
    <row r="605" spans="1:7" x14ac:dyDescent="0.3">
      <c r="A605" s="156" t="s">
        <v>1567</v>
      </c>
      <c r="B605" s="151" t="s">
        <v>1447</v>
      </c>
      <c r="C605" s="193" t="s">
        <v>1057</v>
      </c>
      <c r="D605" s="164" t="s">
        <v>1057</v>
      </c>
      <c r="E605" s="148"/>
      <c r="F605" s="164" t="s">
        <v>1057</v>
      </c>
      <c r="G605" s="174" t="str">
        <f t="shared" si="38"/>
        <v/>
      </c>
    </row>
    <row r="606" spans="1:7" x14ac:dyDescent="0.3">
      <c r="A606" s="156" t="s">
        <v>1568</v>
      </c>
      <c r="B606" s="151" t="s">
        <v>1449</v>
      </c>
      <c r="C606" s="193" t="s">
        <v>1057</v>
      </c>
      <c r="D606" s="164" t="s">
        <v>1057</v>
      </c>
      <c r="E606" s="148"/>
      <c r="F606" s="164" t="s">
        <v>1057</v>
      </c>
      <c r="G606" s="174" t="str">
        <f t="shared" si="38"/>
        <v/>
      </c>
    </row>
    <row r="607" spans="1:7" x14ac:dyDescent="0.3">
      <c r="A607" s="156" t="s">
        <v>1569</v>
      </c>
      <c r="B607" s="151" t="s">
        <v>1451</v>
      </c>
      <c r="C607" s="193" t="s">
        <v>1057</v>
      </c>
      <c r="D607" s="164" t="s">
        <v>1057</v>
      </c>
      <c r="E607" s="148"/>
      <c r="F607" s="164" t="s">
        <v>1057</v>
      </c>
      <c r="G607" s="174" t="str">
        <f t="shared" si="38"/>
        <v/>
      </c>
    </row>
    <row r="608" spans="1:7" x14ac:dyDescent="0.3">
      <c r="A608" s="156" t="s">
        <v>1570</v>
      </c>
      <c r="B608" s="151" t="s">
        <v>1453</v>
      </c>
      <c r="C608" s="193" t="s">
        <v>1057</v>
      </c>
      <c r="D608" s="164" t="s">
        <v>1057</v>
      </c>
      <c r="E608" s="148"/>
      <c r="F608" s="164" t="s">
        <v>1057</v>
      </c>
      <c r="G608" s="174" t="str">
        <f t="shared" si="38"/>
        <v/>
      </c>
    </row>
    <row r="609" spans="1:7" x14ac:dyDescent="0.3">
      <c r="A609" s="156" t="s">
        <v>1571</v>
      </c>
      <c r="B609" s="151" t="s">
        <v>1455</v>
      </c>
      <c r="C609" s="193" t="s">
        <v>1057</v>
      </c>
      <c r="D609" s="164" t="s">
        <v>1057</v>
      </c>
      <c r="E609" s="148"/>
      <c r="F609" s="164" t="s">
        <v>1057</v>
      </c>
      <c r="G609" s="174" t="str">
        <f t="shared" si="38"/>
        <v/>
      </c>
    </row>
    <row r="610" spans="1:7" x14ac:dyDescent="0.3">
      <c r="A610" s="156" t="s">
        <v>1572</v>
      </c>
      <c r="B610" s="151" t="s">
        <v>1457</v>
      </c>
      <c r="C610" s="193" t="s">
        <v>1057</v>
      </c>
      <c r="D610" s="164" t="s">
        <v>1057</v>
      </c>
      <c r="E610" s="148"/>
      <c r="F610" s="164" t="s">
        <v>1057</v>
      </c>
      <c r="G610" s="174" t="str">
        <f t="shared" si="38"/>
        <v/>
      </c>
    </row>
    <row r="611" spans="1:7" x14ac:dyDescent="0.3">
      <c r="A611" s="156" t="s">
        <v>1573</v>
      </c>
      <c r="B611" s="151" t="s">
        <v>1459</v>
      </c>
      <c r="C611" s="193" t="s">
        <v>1057</v>
      </c>
      <c r="D611" s="164" t="s">
        <v>1057</v>
      </c>
      <c r="E611" s="148"/>
      <c r="F611" s="164" t="s">
        <v>1057</v>
      </c>
      <c r="G611" s="174" t="str">
        <f t="shared" si="38"/>
        <v/>
      </c>
    </row>
    <row r="612" spans="1:7" x14ac:dyDescent="0.3">
      <c r="A612" s="156" t="s">
        <v>1574</v>
      </c>
      <c r="B612" s="151" t="s">
        <v>1461</v>
      </c>
      <c r="C612" s="193" t="s">
        <v>1057</v>
      </c>
      <c r="D612" s="164" t="s">
        <v>1057</v>
      </c>
      <c r="E612" s="148"/>
      <c r="F612" s="164" t="s">
        <v>1057</v>
      </c>
      <c r="G612" s="174" t="str">
        <f t="shared" si="38"/>
        <v/>
      </c>
    </row>
    <row r="613" spans="1:7" x14ac:dyDescent="0.3">
      <c r="A613" s="156" t="s">
        <v>1575</v>
      </c>
      <c r="B613" s="151" t="s">
        <v>1463</v>
      </c>
      <c r="C613" s="193" t="s">
        <v>1057</v>
      </c>
      <c r="D613" s="164" t="s">
        <v>1057</v>
      </c>
      <c r="E613" s="148"/>
      <c r="F613" s="164" t="s">
        <v>1057</v>
      </c>
      <c r="G613" s="174" t="str">
        <f t="shared" si="38"/>
        <v/>
      </c>
    </row>
    <row r="614" spans="1:7" x14ac:dyDescent="0.3">
      <c r="A614" s="156" t="s">
        <v>1576</v>
      </c>
      <c r="B614" s="151" t="s">
        <v>1465</v>
      </c>
      <c r="C614" s="193" t="s">
        <v>1057</v>
      </c>
      <c r="D614" s="164" t="s">
        <v>1057</v>
      </c>
      <c r="E614" s="148"/>
      <c r="F614" s="164" t="s">
        <v>1057</v>
      </c>
      <c r="G614" s="174" t="str">
        <f t="shared" si="38"/>
        <v/>
      </c>
    </row>
    <row r="615" spans="1:7" x14ac:dyDescent="0.3">
      <c r="A615" s="156" t="s">
        <v>1577</v>
      </c>
      <c r="B615" s="151" t="s">
        <v>1467</v>
      </c>
      <c r="C615" s="193" t="s">
        <v>1057</v>
      </c>
      <c r="D615" s="164" t="s">
        <v>1057</v>
      </c>
      <c r="E615" s="148"/>
      <c r="F615" s="164" t="s">
        <v>1057</v>
      </c>
      <c r="G615" s="174" t="str">
        <f t="shared" si="38"/>
        <v/>
      </c>
    </row>
    <row r="616" spans="1:7" x14ac:dyDescent="0.3">
      <c r="A616" s="156" t="s">
        <v>1578</v>
      </c>
      <c r="B616" s="151" t="s">
        <v>364</v>
      </c>
      <c r="C616" s="193" t="s">
        <v>1057</v>
      </c>
      <c r="D616" s="164" t="s">
        <v>1057</v>
      </c>
      <c r="E616" s="148"/>
      <c r="F616" s="164" t="s">
        <v>1057</v>
      </c>
      <c r="G616" s="174" t="str">
        <f t="shared" si="38"/>
        <v/>
      </c>
    </row>
    <row r="617" spans="1:7" x14ac:dyDescent="0.3">
      <c r="A617" s="156" t="s">
        <v>1579</v>
      </c>
      <c r="B617" s="151" t="s">
        <v>1223</v>
      </c>
      <c r="C617" s="193" t="s">
        <v>1057</v>
      </c>
      <c r="D617" s="164" t="s">
        <v>1057</v>
      </c>
      <c r="E617" s="148"/>
      <c r="F617" s="164" t="s">
        <v>1057</v>
      </c>
      <c r="G617" s="174" t="str">
        <f t="shared" si="38"/>
        <v/>
      </c>
    </row>
    <row r="618" spans="1:7" x14ac:dyDescent="0.3">
      <c r="A618" s="156" t="s">
        <v>1580</v>
      </c>
      <c r="B618" s="151" t="s">
        <v>366</v>
      </c>
      <c r="C618" s="169">
        <f>SUM(C604:C617)</f>
        <v>0</v>
      </c>
      <c r="D618" s="156">
        <f>SUM(D604:D617)</f>
        <v>0</v>
      </c>
      <c r="E618" s="128"/>
      <c r="F618" s="170"/>
      <c r="G618" s="174" t="str">
        <f t="shared" si="38"/>
        <v/>
      </c>
    </row>
    <row r="619" spans="1:7" x14ac:dyDescent="0.3">
      <c r="A619" s="156" t="s">
        <v>1581</v>
      </c>
      <c r="B619" s="156" t="s">
        <v>1327</v>
      </c>
      <c r="F619" s="164" t="s">
        <v>1057</v>
      </c>
      <c r="G619" s="174" t="str">
        <f t="shared" si="38"/>
        <v/>
      </c>
    </row>
    <row r="620" spans="1:7" x14ac:dyDescent="0.3">
      <c r="A620" s="156" t="s">
        <v>1582</v>
      </c>
      <c r="B620" s="151"/>
      <c r="C620" s="170"/>
      <c r="D620" s="147"/>
      <c r="E620" s="128"/>
      <c r="F620" s="174"/>
      <c r="G620" s="174" t="str">
        <f t="shared" si="38"/>
        <v/>
      </c>
    </row>
    <row r="621" spans="1:7" x14ac:dyDescent="0.3">
      <c r="A621" s="156" t="s">
        <v>1583</v>
      </c>
      <c r="B621" s="151"/>
      <c r="C621" s="170"/>
      <c r="D621" s="147"/>
      <c r="E621" s="128"/>
      <c r="F621" s="174"/>
      <c r="G621" s="174" t="str">
        <f t="shared" si="38"/>
        <v/>
      </c>
    </row>
    <row r="622" spans="1:7" x14ac:dyDescent="0.3">
      <c r="A622" s="156" t="s">
        <v>1584</v>
      </c>
      <c r="B622" s="151"/>
      <c r="C622" s="170"/>
      <c r="D622" s="147"/>
      <c r="E622" s="128"/>
      <c r="F622" s="174"/>
      <c r="G622" s="174" t="str">
        <f t="shared" si="38"/>
        <v/>
      </c>
    </row>
  </sheetData>
  <hyperlinks>
    <hyperlink ref="B6" r:id="rId1" location="'B1. HTT Mortgage Assets'!B10" xr:uid="{00000000-0004-0000-0500-000000000000}"/>
    <hyperlink ref="B7" r:id="rId2" location="'B1. HTT Mortgage Assets'!B185" xr:uid="{00000000-0004-0000-0500-000001000000}"/>
    <hyperlink ref="B8" r:id="rId3" location="'B1. HTT Mortgage Assets'!B411" xr:uid="{00000000-0004-0000-0500-000002000000}"/>
    <hyperlink ref="B11" location="'2. Harmonised Glossary'!A12" display="Property Type Information" xr:uid="{00000000-0004-0000-0500-000003000000}"/>
    <hyperlink ref="B149" location="'2. Harmonised Glossary'!A9" display="Breakdown by Interest Rate" xr:uid="{00000000-0004-0000-0500-000004000000}"/>
    <hyperlink ref="B179" location="'C. HTT Harmonised Glossary'!B19" display="9. Non-Performing Loans (NPLs)"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drawing r:id="rId4"/>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6600"/>
  </sheetPr>
  <dimension ref="A1:N179"/>
  <sheetViews>
    <sheetView zoomScale="80" zoomScaleNormal="80" workbookViewId="0">
      <selection activeCell="A2" sqref="A2"/>
    </sheetView>
  </sheetViews>
  <sheetFormatPr defaultColWidth="8.88671875" defaultRowHeight="14.4" outlineLevelRow="1" x14ac:dyDescent="0.3"/>
  <cols>
    <col min="1" max="1" width="12.109375" style="156" customWidth="1"/>
    <col min="2" max="2" width="60.6640625" style="156" customWidth="1"/>
    <col min="3" max="4" width="40.6640625" style="156" customWidth="1"/>
    <col min="5" max="5" width="7.33203125" style="156" customWidth="1"/>
    <col min="6" max="6" width="40.6640625" style="156" customWidth="1"/>
    <col min="7" max="7" width="40.6640625" style="128" customWidth="1"/>
    <col min="8" max="8" width="7.33203125" style="156" customWidth="1"/>
    <col min="9" max="9" width="71.88671875" style="156" customWidth="1"/>
    <col min="10" max="11" width="47.6640625" style="156" customWidth="1"/>
    <col min="12" max="12" width="7.33203125" style="156" customWidth="1"/>
    <col min="13" max="13" width="25.6640625" style="156" customWidth="1"/>
    <col min="14" max="14" width="25.6640625" style="128" customWidth="1"/>
    <col min="15" max="15" width="8.88671875" style="140" customWidth="1"/>
    <col min="16" max="16384" width="8.88671875" style="140"/>
  </cols>
  <sheetData>
    <row r="1" spans="1:14" ht="31.5" customHeight="1" x14ac:dyDescent="0.3">
      <c r="A1" s="93" t="s">
        <v>1585</v>
      </c>
      <c r="B1" s="93"/>
      <c r="C1" s="128"/>
      <c r="D1" s="128"/>
      <c r="E1" s="128"/>
      <c r="F1" s="158" t="s">
        <v>272</v>
      </c>
      <c r="H1" s="128"/>
      <c r="I1" s="93"/>
      <c r="J1" s="128"/>
      <c r="K1" s="128"/>
      <c r="L1" s="128"/>
      <c r="M1" s="128"/>
    </row>
    <row r="2" spans="1:14" ht="15.75" customHeight="1" thickBot="1" x14ac:dyDescent="0.35">
      <c r="A2" s="128"/>
      <c r="B2" s="128"/>
      <c r="C2" s="128"/>
      <c r="D2" s="128"/>
      <c r="E2" s="128"/>
      <c r="F2" s="128"/>
      <c r="L2" s="128"/>
      <c r="M2" s="128"/>
    </row>
    <row r="3" spans="1:14" ht="19.5" customHeight="1" thickBot="1" x14ac:dyDescent="0.35">
      <c r="A3" s="96"/>
      <c r="B3" s="97" t="s">
        <v>273</v>
      </c>
      <c r="C3" s="166" t="s">
        <v>274</v>
      </c>
      <c r="D3" s="96"/>
      <c r="E3" s="96"/>
      <c r="F3" s="96"/>
      <c r="G3" s="96"/>
      <c r="L3" s="128"/>
      <c r="M3" s="128"/>
    </row>
    <row r="4" spans="1:14" ht="15.75" customHeight="1" thickBot="1" x14ac:dyDescent="0.35">
      <c r="L4" s="128"/>
      <c r="M4" s="128"/>
    </row>
    <row r="5" spans="1:14" ht="18.75" customHeight="1" x14ac:dyDescent="0.3">
      <c r="B5" s="76" t="s">
        <v>1586</v>
      </c>
      <c r="C5" s="101"/>
      <c r="E5" s="145"/>
      <c r="F5" s="145"/>
      <c r="L5" s="128"/>
      <c r="M5" s="128"/>
    </row>
    <row r="6" spans="1:14" ht="15.75" customHeight="1" thickBot="1" x14ac:dyDescent="0.35">
      <c r="B6" s="167" t="s">
        <v>1587</v>
      </c>
      <c r="L6" s="128"/>
      <c r="M6" s="128"/>
    </row>
    <row r="7" spans="1:14" s="53" customFormat="1" x14ac:dyDescent="0.3">
      <c r="A7" s="156"/>
      <c r="B7" s="41"/>
      <c r="C7" s="156"/>
      <c r="D7" s="156"/>
      <c r="E7" s="156"/>
      <c r="F7" s="156"/>
      <c r="G7" s="128"/>
      <c r="I7" s="156"/>
      <c r="J7" s="156"/>
      <c r="K7" s="156"/>
      <c r="L7" s="128"/>
      <c r="M7" s="128"/>
      <c r="N7" s="128"/>
    </row>
    <row r="8" spans="1:14" ht="37.5" customHeight="1" x14ac:dyDescent="0.3">
      <c r="A8" s="163" t="s">
        <v>283</v>
      </c>
      <c r="B8" s="163" t="s">
        <v>1587</v>
      </c>
      <c r="C8" s="77"/>
      <c r="D8" s="77"/>
      <c r="E8" s="77"/>
      <c r="F8" s="77"/>
      <c r="G8" s="78"/>
      <c r="I8" s="151"/>
      <c r="J8" s="145"/>
      <c r="K8" s="145"/>
      <c r="L8" s="145"/>
      <c r="M8" s="145"/>
    </row>
    <row r="9" spans="1:14" ht="15" customHeight="1" x14ac:dyDescent="0.3">
      <c r="A9" s="103"/>
      <c r="B9" s="79" t="s">
        <v>1588</v>
      </c>
      <c r="C9" s="103"/>
      <c r="D9" s="103"/>
      <c r="E9" s="103"/>
      <c r="F9" s="80"/>
      <c r="G9" s="80"/>
      <c r="I9" s="151"/>
      <c r="J9" s="129"/>
      <c r="K9" s="129"/>
      <c r="L9" s="129"/>
      <c r="M9" s="94"/>
      <c r="N9" s="94"/>
    </row>
    <row r="10" spans="1:14" x14ac:dyDescent="0.3">
      <c r="A10" s="156" t="s">
        <v>1589</v>
      </c>
      <c r="B10" s="156" t="s">
        <v>1590</v>
      </c>
      <c r="C10" s="169">
        <v>0</v>
      </c>
      <c r="E10" s="151"/>
      <c r="F10" s="151"/>
      <c r="I10" s="151"/>
      <c r="L10" s="151"/>
      <c r="M10" s="151"/>
    </row>
    <row r="11" spans="1:14" outlineLevel="1" x14ac:dyDescent="0.3">
      <c r="A11" s="156" t="s">
        <v>1591</v>
      </c>
      <c r="B11" s="106" t="s">
        <v>850</v>
      </c>
      <c r="C11" s="147"/>
      <c r="E11" s="151"/>
      <c r="F11" s="151"/>
      <c r="I11" s="151"/>
      <c r="L11" s="151"/>
      <c r="M11" s="151"/>
    </row>
    <row r="12" spans="1:14" outlineLevel="1" x14ac:dyDescent="0.3">
      <c r="A12" s="156" t="s">
        <v>1592</v>
      </c>
      <c r="B12" s="106" t="s">
        <v>852</v>
      </c>
      <c r="C12" s="147"/>
      <c r="E12" s="151"/>
      <c r="F12" s="151"/>
      <c r="I12" s="151"/>
      <c r="L12" s="151"/>
      <c r="M12" s="151"/>
    </row>
    <row r="13" spans="1:14" outlineLevel="1" x14ac:dyDescent="0.3">
      <c r="A13" s="156" t="s">
        <v>1593</v>
      </c>
      <c r="E13" s="151"/>
      <c r="F13" s="151"/>
      <c r="I13" s="151"/>
      <c r="L13" s="151"/>
      <c r="M13" s="151"/>
    </row>
    <row r="14" spans="1:14" outlineLevel="1" x14ac:dyDescent="0.3">
      <c r="A14" s="156" t="s">
        <v>1594</v>
      </c>
      <c r="E14" s="151"/>
      <c r="F14" s="151"/>
      <c r="I14" s="151"/>
      <c r="L14" s="151"/>
      <c r="M14" s="151"/>
    </row>
    <row r="15" spans="1:14" outlineLevel="1" x14ac:dyDescent="0.3">
      <c r="A15" s="156" t="s">
        <v>1595</v>
      </c>
      <c r="E15" s="151"/>
      <c r="F15" s="151"/>
      <c r="I15" s="151"/>
      <c r="L15" s="151"/>
      <c r="M15" s="151"/>
    </row>
    <row r="16" spans="1:14" outlineLevel="1" x14ac:dyDescent="0.3">
      <c r="A16" s="156" t="s">
        <v>1596</v>
      </c>
      <c r="E16" s="151"/>
      <c r="F16" s="151"/>
      <c r="I16" s="151"/>
      <c r="L16" s="151"/>
      <c r="M16" s="151"/>
    </row>
    <row r="17" spans="1:14" outlineLevel="1" x14ac:dyDescent="0.3">
      <c r="A17" s="156" t="s">
        <v>1597</v>
      </c>
      <c r="E17" s="151"/>
      <c r="F17" s="151"/>
      <c r="I17" s="151"/>
      <c r="L17" s="151"/>
      <c r="M17" s="151"/>
    </row>
    <row r="18" spans="1:14" x14ac:dyDescent="0.3">
      <c r="A18" s="103"/>
      <c r="B18" s="103" t="s">
        <v>1598</v>
      </c>
      <c r="C18" s="103" t="s">
        <v>1062</v>
      </c>
      <c r="D18" s="103" t="s">
        <v>1599</v>
      </c>
      <c r="E18" s="103"/>
      <c r="F18" s="103" t="s">
        <v>1600</v>
      </c>
      <c r="G18" s="103" t="s">
        <v>1601</v>
      </c>
      <c r="I18" s="113"/>
      <c r="J18" s="129"/>
      <c r="K18" s="129"/>
      <c r="L18" s="145"/>
      <c r="M18" s="129"/>
      <c r="N18" s="129"/>
    </row>
    <row r="19" spans="1:14" x14ac:dyDescent="0.3">
      <c r="A19" s="156" t="s">
        <v>1602</v>
      </c>
      <c r="B19" s="156" t="s">
        <v>1603</v>
      </c>
      <c r="C19" s="169">
        <v>0</v>
      </c>
      <c r="D19" s="129"/>
      <c r="E19" s="129"/>
      <c r="F19" s="94"/>
      <c r="G19" s="94"/>
      <c r="I19" s="151"/>
      <c r="L19" s="129"/>
      <c r="M19" s="94"/>
      <c r="N19" s="94"/>
    </row>
    <row r="20" spans="1:14" x14ac:dyDescent="0.3">
      <c r="A20" s="129"/>
      <c r="B20" s="113"/>
      <c r="C20" s="129"/>
      <c r="D20" s="129"/>
      <c r="E20" s="129"/>
      <c r="F20" s="94"/>
      <c r="G20" s="94"/>
      <c r="I20" s="113"/>
      <c r="J20" s="129"/>
      <c r="K20" s="129"/>
      <c r="L20" s="129"/>
      <c r="M20" s="94"/>
      <c r="N20" s="94"/>
    </row>
    <row r="21" spans="1:14" x14ac:dyDescent="0.3">
      <c r="B21" s="156" t="s">
        <v>1067</v>
      </c>
      <c r="C21" s="129"/>
      <c r="D21" s="129"/>
      <c r="E21" s="129"/>
      <c r="F21" s="94"/>
      <c r="G21" s="94"/>
      <c r="I21" s="151"/>
      <c r="J21" s="129"/>
      <c r="K21" s="129"/>
      <c r="L21" s="129"/>
      <c r="M21" s="94"/>
      <c r="N21" s="94"/>
    </row>
    <row r="22" spans="1:14" x14ac:dyDescent="0.3">
      <c r="A22" s="156" t="s">
        <v>1604</v>
      </c>
      <c r="B22" s="151" t="s">
        <v>1205</v>
      </c>
      <c r="C22" s="169">
        <v>0</v>
      </c>
      <c r="D22" s="169">
        <v>0</v>
      </c>
      <c r="E22" s="151"/>
      <c r="F22" s="174" t="str">
        <f t="shared" ref="F22:F36" si="0">IF($C$37=0,"",IF(C22="[for completion]","",C22/$C$37))</f>
        <v/>
      </c>
      <c r="G22" s="174" t="str">
        <f t="shared" ref="G22:G36" si="1">IF($D$37=0,"",IF(D22="[for completion]","",D22/$D$37))</f>
        <v/>
      </c>
      <c r="I22" s="151"/>
      <c r="L22" s="151"/>
      <c r="M22" s="117"/>
      <c r="N22" s="117"/>
    </row>
    <row r="23" spans="1:14" x14ac:dyDescent="0.3">
      <c r="A23" s="156" t="s">
        <v>1605</v>
      </c>
      <c r="B23" s="151" t="s">
        <v>1205</v>
      </c>
      <c r="C23" s="169">
        <v>0</v>
      </c>
      <c r="D23" s="169">
        <v>0</v>
      </c>
      <c r="E23" s="151"/>
      <c r="F23" s="174" t="str">
        <f t="shared" si="0"/>
        <v/>
      </c>
      <c r="G23" s="174" t="str">
        <f t="shared" si="1"/>
        <v/>
      </c>
      <c r="I23" s="151"/>
      <c r="L23" s="151"/>
      <c r="M23" s="117"/>
      <c r="N23" s="117"/>
    </row>
    <row r="24" spans="1:14" x14ac:dyDescent="0.3">
      <c r="A24" s="156" t="s">
        <v>1606</v>
      </c>
      <c r="B24" s="151" t="s">
        <v>1205</v>
      </c>
      <c r="C24" s="169">
        <v>0</v>
      </c>
      <c r="D24" s="169">
        <v>0</v>
      </c>
      <c r="F24" s="174" t="str">
        <f t="shared" si="0"/>
        <v/>
      </c>
      <c r="G24" s="174" t="str">
        <f t="shared" si="1"/>
        <v/>
      </c>
      <c r="I24" s="151"/>
      <c r="M24" s="117"/>
      <c r="N24" s="117"/>
    </row>
    <row r="25" spans="1:14" x14ac:dyDescent="0.3">
      <c r="A25" s="156" t="s">
        <v>1607</v>
      </c>
      <c r="B25" s="151" t="s">
        <v>1205</v>
      </c>
      <c r="C25" s="169">
        <v>0</v>
      </c>
      <c r="D25" s="169">
        <v>0</v>
      </c>
      <c r="E25" s="114"/>
      <c r="F25" s="174" t="str">
        <f t="shared" si="0"/>
        <v/>
      </c>
      <c r="G25" s="174" t="str">
        <f t="shared" si="1"/>
        <v/>
      </c>
      <c r="I25" s="151"/>
      <c r="L25" s="114"/>
      <c r="M25" s="117"/>
      <c r="N25" s="117"/>
    </row>
    <row r="26" spans="1:14" x14ac:dyDescent="0.3">
      <c r="A26" s="156" t="s">
        <v>1608</v>
      </c>
      <c r="B26" s="151" t="s">
        <v>1205</v>
      </c>
      <c r="C26" s="169">
        <v>0</v>
      </c>
      <c r="D26" s="169">
        <v>0</v>
      </c>
      <c r="E26" s="114"/>
      <c r="F26" s="174" t="str">
        <f t="shared" si="0"/>
        <v/>
      </c>
      <c r="G26" s="174" t="str">
        <f t="shared" si="1"/>
        <v/>
      </c>
      <c r="I26" s="151"/>
      <c r="L26" s="114"/>
      <c r="M26" s="117"/>
      <c r="N26" s="117"/>
    </row>
    <row r="27" spans="1:14" x14ac:dyDescent="0.3">
      <c r="A27" s="156" t="s">
        <v>1609</v>
      </c>
      <c r="B27" s="151" t="s">
        <v>1205</v>
      </c>
      <c r="C27" s="169">
        <v>0</v>
      </c>
      <c r="D27" s="169">
        <v>0</v>
      </c>
      <c r="E27" s="114"/>
      <c r="F27" s="174" t="str">
        <f t="shared" si="0"/>
        <v/>
      </c>
      <c r="G27" s="174" t="str">
        <f t="shared" si="1"/>
        <v/>
      </c>
      <c r="I27" s="151"/>
      <c r="L27" s="114"/>
      <c r="M27" s="117"/>
      <c r="N27" s="117"/>
    </row>
    <row r="28" spans="1:14" x14ac:dyDescent="0.3">
      <c r="A28" s="156" t="s">
        <v>1610</v>
      </c>
      <c r="B28" s="151" t="s">
        <v>1205</v>
      </c>
      <c r="C28" s="169">
        <v>0</v>
      </c>
      <c r="D28" s="169">
        <v>0</v>
      </c>
      <c r="E28" s="114"/>
      <c r="F28" s="174" t="str">
        <f t="shared" si="0"/>
        <v/>
      </c>
      <c r="G28" s="174" t="str">
        <f t="shared" si="1"/>
        <v/>
      </c>
      <c r="I28" s="151"/>
      <c r="L28" s="114"/>
      <c r="M28" s="117"/>
      <c r="N28" s="117"/>
    </row>
    <row r="29" spans="1:14" x14ac:dyDescent="0.3">
      <c r="A29" s="156" t="s">
        <v>1611</v>
      </c>
      <c r="B29" s="151" t="s">
        <v>1205</v>
      </c>
      <c r="C29" s="169">
        <v>0</v>
      </c>
      <c r="D29" s="169">
        <v>0</v>
      </c>
      <c r="E29" s="114"/>
      <c r="F29" s="174" t="str">
        <f t="shared" si="0"/>
        <v/>
      </c>
      <c r="G29" s="174" t="str">
        <f t="shared" si="1"/>
        <v/>
      </c>
      <c r="I29" s="151"/>
      <c r="L29" s="114"/>
      <c r="M29" s="117"/>
      <c r="N29" s="117"/>
    </row>
    <row r="30" spans="1:14" x14ac:dyDescent="0.3">
      <c r="A30" s="156" t="s">
        <v>1612</v>
      </c>
      <c r="B30" s="151" t="s">
        <v>1205</v>
      </c>
      <c r="C30" s="169">
        <v>0</v>
      </c>
      <c r="D30" s="169">
        <v>0</v>
      </c>
      <c r="E30" s="114"/>
      <c r="F30" s="174" t="str">
        <f t="shared" si="0"/>
        <v/>
      </c>
      <c r="G30" s="174" t="str">
        <f t="shared" si="1"/>
        <v/>
      </c>
      <c r="I30" s="151"/>
      <c r="L30" s="114"/>
      <c r="M30" s="117"/>
      <c r="N30" s="117"/>
    </row>
    <row r="31" spans="1:14" x14ac:dyDescent="0.3">
      <c r="A31" s="156" t="s">
        <v>1613</v>
      </c>
      <c r="B31" s="151" t="s">
        <v>1205</v>
      </c>
      <c r="C31" s="169">
        <v>0</v>
      </c>
      <c r="D31" s="169">
        <v>0</v>
      </c>
      <c r="E31" s="114"/>
      <c r="F31" s="174" t="str">
        <f t="shared" si="0"/>
        <v/>
      </c>
      <c r="G31" s="174" t="str">
        <f t="shared" si="1"/>
        <v/>
      </c>
      <c r="I31" s="151"/>
      <c r="L31" s="114"/>
      <c r="M31" s="117"/>
      <c r="N31" s="117"/>
    </row>
    <row r="32" spans="1:14" x14ac:dyDescent="0.3">
      <c r="A32" s="156" t="s">
        <v>1614</v>
      </c>
      <c r="B32" s="151" t="s">
        <v>1205</v>
      </c>
      <c r="C32" s="169">
        <v>0</v>
      </c>
      <c r="D32" s="169">
        <v>0</v>
      </c>
      <c r="E32" s="114"/>
      <c r="F32" s="174" t="str">
        <f t="shared" si="0"/>
        <v/>
      </c>
      <c r="G32" s="174" t="str">
        <f t="shared" si="1"/>
        <v/>
      </c>
      <c r="I32" s="151"/>
      <c r="L32" s="114"/>
      <c r="M32" s="117"/>
      <c r="N32" s="117"/>
    </row>
    <row r="33" spans="1:14" x14ac:dyDescent="0.3">
      <c r="A33" s="156" t="s">
        <v>1615</v>
      </c>
      <c r="B33" s="151" t="s">
        <v>1205</v>
      </c>
      <c r="C33" s="169">
        <v>0</v>
      </c>
      <c r="D33" s="169">
        <v>0</v>
      </c>
      <c r="E33" s="114"/>
      <c r="F33" s="174" t="str">
        <f t="shared" si="0"/>
        <v/>
      </c>
      <c r="G33" s="174" t="str">
        <f t="shared" si="1"/>
        <v/>
      </c>
      <c r="I33" s="151"/>
      <c r="L33" s="114"/>
      <c r="M33" s="117"/>
      <c r="N33" s="117"/>
    </row>
    <row r="34" spans="1:14" x14ac:dyDescent="0.3">
      <c r="A34" s="156" t="s">
        <v>1616</v>
      </c>
      <c r="B34" s="151" t="s">
        <v>1205</v>
      </c>
      <c r="C34" s="169">
        <v>0</v>
      </c>
      <c r="D34" s="169">
        <v>0</v>
      </c>
      <c r="E34" s="114"/>
      <c r="F34" s="174" t="str">
        <f t="shared" si="0"/>
        <v/>
      </c>
      <c r="G34" s="174" t="str">
        <f t="shared" si="1"/>
        <v/>
      </c>
      <c r="I34" s="151"/>
      <c r="L34" s="114"/>
      <c r="M34" s="117"/>
      <c r="N34" s="117"/>
    </row>
    <row r="35" spans="1:14" x14ac:dyDescent="0.3">
      <c r="A35" s="156" t="s">
        <v>1617</v>
      </c>
      <c r="B35" s="151" t="s">
        <v>1205</v>
      </c>
      <c r="C35" s="169">
        <v>0</v>
      </c>
      <c r="D35" s="169">
        <v>0</v>
      </c>
      <c r="E35" s="114"/>
      <c r="F35" s="174" t="str">
        <f t="shared" si="0"/>
        <v/>
      </c>
      <c r="G35" s="174" t="str">
        <f t="shared" si="1"/>
        <v/>
      </c>
      <c r="I35" s="151"/>
      <c r="L35" s="114"/>
      <c r="M35" s="117"/>
      <c r="N35" s="117"/>
    </row>
    <row r="36" spans="1:14" x14ac:dyDescent="0.3">
      <c r="A36" s="156" t="s">
        <v>1618</v>
      </c>
      <c r="B36" s="151" t="s">
        <v>1205</v>
      </c>
      <c r="C36" s="169">
        <v>0</v>
      </c>
      <c r="D36" s="169">
        <v>0</v>
      </c>
      <c r="E36" s="114"/>
      <c r="F36" s="174" t="str">
        <f t="shared" si="0"/>
        <v/>
      </c>
      <c r="G36" s="174" t="str">
        <f t="shared" si="1"/>
        <v/>
      </c>
      <c r="I36" s="151"/>
      <c r="L36" s="114"/>
      <c r="M36" s="117"/>
      <c r="N36" s="117"/>
    </row>
    <row r="37" spans="1:14" x14ac:dyDescent="0.3">
      <c r="A37" s="156" t="s">
        <v>1619</v>
      </c>
      <c r="B37" s="115" t="s">
        <v>366</v>
      </c>
      <c r="C37" s="177">
        <f>SUM(C22:C36)</f>
        <v>0</v>
      </c>
      <c r="D37" s="116">
        <f>SUM(D22:D36)</f>
        <v>0</v>
      </c>
      <c r="E37" s="114"/>
      <c r="F37" s="175">
        <f>SUM(F22:F36)</f>
        <v>0</v>
      </c>
      <c r="G37" s="175">
        <f>SUM(G22:G36)</f>
        <v>0</v>
      </c>
      <c r="I37" s="115"/>
      <c r="J37" s="151"/>
      <c r="K37" s="151"/>
      <c r="L37" s="114"/>
      <c r="M37" s="42"/>
      <c r="N37" s="42"/>
    </row>
    <row r="38" spans="1:14" x14ac:dyDescent="0.3">
      <c r="A38" s="103"/>
      <c r="B38" s="79" t="s">
        <v>1620</v>
      </c>
      <c r="C38" s="103" t="s">
        <v>325</v>
      </c>
      <c r="D38" s="103"/>
      <c r="E38" s="81"/>
      <c r="F38" s="103" t="s">
        <v>1600</v>
      </c>
      <c r="G38" s="103"/>
      <c r="I38" s="113"/>
      <c r="J38" s="129"/>
      <c r="K38" s="129"/>
      <c r="L38" s="145"/>
      <c r="M38" s="129"/>
      <c r="N38" s="129"/>
    </row>
    <row r="39" spans="1:14" x14ac:dyDescent="0.3">
      <c r="A39" s="156" t="s">
        <v>1621</v>
      </c>
      <c r="B39" s="151" t="s">
        <v>1622</v>
      </c>
      <c r="C39" s="169">
        <v>0</v>
      </c>
      <c r="E39" s="54"/>
      <c r="F39" s="174" t="str">
        <f>IF($C$42=0,"",IF(C39="[for completion]","",C39/$C$42))</f>
        <v/>
      </c>
      <c r="G39" s="116"/>
      <c r="I39" s="151"/>
      <c r="L39" s="54"/>
      <c r="M39" s="117"/>
      <c r="N39" s="116"/>
    </row>
    <row r="40" spans="1:14" x14ac:dyDescent="0.3">
      <c r="A40" s="156" t="s">
        <v>1623</v>
      </c>
      <c r="B40" s="151" t="s">
        <v>1624</v>
      </c>
      <c r="C40" s="169">
        <v>0</v>
      </c>
      <c r="E40" s="54"/>
      <c r="F40" s="174" t="str">
        <f>IF($C$42=0,"",IF(C40="[for completion]","",C40/$C$42))</f>
        <v/>
      </c>
      <c r="G40" s="116"/>
      <c r="I40" s="151"/>
      <c r="L40" s="54"/>
      <c r="M40" s="117"/>
      <c r="N40" s="116"/>
    </row>
    <row r="41" spans="1:14" x14ac:dyDescent="0.3">
      <c r="A41" s="156" t="s">
        <v>1625</v>
      </c>
      <c r="B41" s="151" t="s">
        <v>364</v>
      </c>
      <c r="C41" s="169">
        <v>0</v>
      </c>
      <c r="E41" s="114"/>
      <c r="F41" s="174" t="str">
        <f>IF($C$42=0,"",IF(C41="[for completion]","",C41/$C$42))</f>
        <v/>
      </c>
      <c r="G41" s="116"/>
      <c r="I41" s="151"/>
      <c r="L41" s="114"/>
      <c r="M41" s="117"/>
      <c r="N41" s="116"/>
    </row>
    <row r="42" spans="1:14" x14ac:dyDescent="0.3">
      <c r="A42" s="156" t="s">
        <v>1626</v>
      </c>
      <c r="B42" s="115" t="s">
        <v>366</v>
      </c>
      <c r="C42" s="169">
        <f>SUM(C39:C41)</f>
        <v>0</v>
      </c>
      <c r="D42" s="151"/>
      <c r="E42" s="114"/>
      <c r="F42" s="175">
        <f>SUM(F39:F41)</f>
        <v>0</v>
      </c>
      <c r="G42" s="116"/>
      <c r="I42" s="151"/>
      <c r="L42" s="114"/>
      <c r="M42" s="117"/>
      <c r="N42" s="116"/>
    </row>
    <row r="43" spans="1:14" outlineLevel="1" x14ac:dyDescent="0.3">
      <c r="A43" s="156" t="s">
        <v>1627</v>
      </c>
      <c r="B43" s="115"/>
      <c r="C43" s="151"/>
      <c r="D43" s="151"/>
      <c r="E43" s="114"/>
      <c r="F43" s="42"/>
      <c r="G43" s="116"/>
      <c r="I43" s="151"/>
      <c r="L43" s="114"/>
      <c r="M43" s="117"/>
      <c r="N43" s="116"/>
    </row>
    <row r="44" spans="1:14" outlineLevel="1" x14ac:dyDescent="0.3">
      <c r="A44" s="156" t="s">
        <v>1628</v>
      </c>
      <c r="B44" s="115"/>
      <c r="C44" s="151"/>
      <c r="D44" s="151"/>
      <c r="E44" s="114"/>
      <c r="F44" s="42"/>
      <c r="G44" s="116"/>
      <c r="I44" s="151"/>
      <c r="L44" s="114"/>
      <c r="M44" s="117"/>
      <c r="N44" s="116"/>
    </row>
    <row r="45" spans="1:14" outlineLevel="1" x14ac:dyDescent="0.3">
      <c r="A45" s="156" t="s">
        <v>1629</v>
      </c>
      <c r="B45" s="151"/>
      <c r="E45" s="114"/>
      <c r="F45" s="117"/>
      <c r="G45" s="116"/>
      <c r="I45" s="151"/>
      <c r="L45" s="114"/>
      <c r="M45" s="117"/>
      <c r="N45" s="116"/>
    </row>
    <row r="46" spans="1:14" outlineLevel="1" x14ac:dyDescent="0.3">
      <c r="A46" s="156" t="s">
        <v>1630</v>
      </c>
      <c r="B46" s="151"/>
      <c r="E46" s="114"/>
      <c r="F46" s="117"/>
      <c r="G46" s="116"/>
      <c r="I46" s="151"/>
      <c r="L46" s="114"/>
      <c r="M46" s="117"/>
      <c r="N46" s="116"/>
    </row>
    <row r="47" spans="1:14" outlineLevel="1" x14ac:dyDescent="0.3">
      <c r="A47" s="156" t="s">
        <v>1631</v>
      </c>
      <c r="B47" s="151"/>
      <c r="E47" s="114"/>
      <c r="F47" s="117"/>
      <c r="G47" s="116"/>
      <c r="I47" s="151"/>
      <c r="L47" s="114"/>
      <c r="M47" s="117"/>
      <c r="N47" s="116"/>
    </row>
    <row r="48" spans="1:14" ht="15" customHeight="1" x14ac:dyDescent="0.3">
      <c r="A48" s="103"/>
      <c r="B48" s="79" t="s">
        <v>868</v>
      </c>
      <c r="C48" s="103" t="s">
        <v>1600</v>
      </c>
      <c r="D48" s="103"/>
      <c r="E48" s="81"/>
      <c r="F48" s="80"/>
      <c r="G48" s="80"/>
      <c r="I48" s="113"/>
      <c r="J48" s="129"/>
      <c r="K48" s="129"/>
      <c r="L48" s="145"/>
      <c r="M48" s="94"/>
      <c r="N48" s="94"/>
    </row>
    <row r="49" spans="1:14" x14ac:dyDescent="0.3">
      <c r="A49" s="156" t="s">
        <v>1632</v>
      </c>
      <c r="B49" s="107" t="s">
        <v>870</v>
      </c>
      <c r="C49" s="173">
        <f>SUM(C50:C76)</f>
        <v>0</v>
      </c>
      <c r="G49" s="156"/>
      <c r="I49" s="145"/>
      <c r="N49" s="156"/>
    </row>
    <row r="50" spans="1:14" x14ac:dyDescent="0.3">
      <c r="A50" s="156" t="s">
        <v>1633</v>
      </c>
      <c r="B50" s="156" t="s">
        <v>872</v>
      </c>
      <c r="C50" s="171">
        <v>0</v>
      </c>
      <c r="G50" s="156"/>
      <c r="N50" s="156"/>
    </row>
    <row r="51" spans="1:14" x14ac:dyDescent="0.3">
      <c r="A51" s="156" t="s">
        <v>1634</v>
      </c>
      <c r="B51" s="156" t="s">
        <v>874</v>
      </c>
      <c r="C51" s="171">
        <v>0</v>
      </c>
      <c r="G51" s="156"/>
      <c r="N51" s="156"/>
    </row>
    <row r="52" spans="1:14" x14ac:dyDescent="0.3">
      <c r="A52" s="156" t="s">
        <v>1635</v>
      </c>
      <c r="B52" s="156" t="s">
        <v>876</v>
      </c>
      <c r="C52" s="171">
        <v>0</v>
      </c>
      <c r="G52" s="156"/>
      <c r="N52" s="156"/>
    </row>
    <row r="53" spans="1:14" x14ac:dyDescent="0.3">
      <c r="A53" s="156" t="s">
        <v>1636</v>
      </c>
      <c r="B53" s="156" t="s">
        <v>878</v>
      </c>
      <c r="C53" s="171">
        <v>0</v>
      </c>
      <c r="G53" s="156"/>
      <c r="N53" s="156"/>
    </row>
    <row r="54" spans="1:14" x14ac:dyDescent="0.3">
      <c r="A54" s="156" t="s">
        <v>1637</v>
      </c>
      <c r="B54" s="156" t="s">
        <v>880</v>
      </c>
      <c r="C54" s="171">
        <v>0</v>
      </c>
      <c r="G54" s="156"/>
      <c r="N54" s="156"/>
    </row>
    <row r="55" spans="1:14" x14ac:dyDescent="0.3">
      <c r="A55" s="156" t="s">
        <v>1638</v>
      </c>
      <c r="B55" s="156" t="s">
        <v>882</v>
      </c>
      <c r="C55" s="171">
        <v>0</v>
      </c>
      <c r="G55" s="156"/>
      <c r="N55" s="156"/>
    </row>
    <row r="56" spans="1:14" x14ac:dyDescent="0.3">
      <c r="A56" s="156" t="s">
        <v>1639</v>
      </c>
      <c r="B56" s="156" t="s">
        <v>884</v>
      </c>
      <c r="C56" s="171">
        <v>0</v>
      </c>
      <c r="G56" s="156"/>
      <c r="N56" s="156"/>
    </row>
    <row r="57" spans="1:14" x14ac:dyDescent="0.3">
      <c r="A57" s="156" t="s">
        <v>1640</v>
      </c>
      <c r="B57" s="156" t="s">
        <v>886</v>
      </c>
      <c r="C57" s="171">
        <v>0</v>
      </c>
      <c r="G57" s="156"/>
      <c r="N57" s="156"/>
    </row>
    <row r="58" spans="1:14" x14ac:dyDescent="0.3">
      <c r="A58" s="156" t="s">
        <v>1641</v>
      </c>
      <c r="B58" s="156" t="s">
        <v>888</v>
      </c>
      <c r="C58" s="171">
        <v>0</v>
      </c>
      <c r="G58" s="156"/>
      <c r="N58" s="156"/>
    </row>
    <row r="59" spans="1:14" x14ac:dyDescent="0.3">
      <c r="A59" s="156" t="s">
        <v>1642</v>
      </c>
      <c r="B59" s="156" t="s">
        <v>890</v>
      </c>
      <c r="C59" s="171">
        <v>0</v>
      </c>
      <c r="G59" s="156"/>
      <c r="N59" s="156"/>
    </row>
    <row r="60" spans="1:14" x14ac:dyDescent="0.3">
      <c r="A60" s="156" t="s">
        <v>1643</v>
      </c>
      <c r="B60" s="156" t="s">
        <v>892</v>
      </c>
      <c r="C60" s="171">
        <v>0</v>
      </c>
      <c r="G60" s="156"/>
      <c r="N60" s="156"/>
    </row>
    <row r="61" spans="1:14" x14ac:dyDescent="0.3">
      <c r="A61" s="156" t="s">
        <v>1644</v>
      </c>
      <c r="B61" s="156" t="s">
        <v>894</v>
      </c>
      <c r="C61" s="171">
        <v>0</v>
      </c>
      <c r="G61" s="156"/>
      <c r="N61" s="156"/>
    </row>
    <row r="62" spans="1:14" x14ac:dyDescent="0.3">
      <c r="A62" s="156" t="s">
        <v>1645</v>
      </c>
      <c r="B62" s="156" t="s">
        <v>896</v>
      </c>
      <c r="C62" s="171">
        <v>0</v>
      </c>
      <c r="G62" s="156"/>
      <c r="N62" s="156"/>
    </row>
    <row r="63" spans="1:14" x14ac:dyDescent="0.3">
      <c r="A63" s="156" t="s">
        <v>1646</v>
      </c>
      <c r="B63" s="156" t="s">
        <v>898</v>
      </c>
      <c r="C63" s="171">
        <v>0</v>
      </c>
      <c r="G63" s="156"/>
      <c r="N63" s="156"/>
    </row>
    <row r="64" spans="1:14" x14ac:dyDescent="0.3">
      <c r="A64" s="156" t="s">
        <v>1647</v>
      </c>
      <c r="B64" s="156" t="s">
        <v>900</v>
      </c>
      <c r="C64" s="171">
        <v>0</v>
      </c>
      <c r="G64" s="156"/>
      <c r="N64" s="156"/>
    </row>
    <row r="65" spans="1:14" x14ac:dyDescent="0.3">
      <c r="A65" s="156" t="s">
        <v>1648</v>
      </c>
      <c r="B65" s="156" t="s">
        <v>902</v>
      </c>
      <c r="C65" s="171">
        <v>0</v>
      </c>
      <c r="G65" s="156"/>
      <c r="N65" s="156"/>
    </row>
    <row r="66" spans="1:14" x14ac:dyDescent="0.3">
      <c r="A66" s="156" t="s">
        <v>1649</v>
      </c>
      <c r="B66" s="156" t="s">
        <v>904</v>
      </c>
      <c r="C66" s="171">
        <v>0</v>
      </c>
      <c r="G66" s="156"/>
      <c r="N66" s="156"/>
    </row>
    <row r="67" spans="1:14" x14ac:dyDescent="0.3">
      <c r="A67" s="156" t="s">
        <v>1650</v>
      </c>
      <c r="B67" s="156" t="s">
        <v>906</v>
      </c>
      <c r="C67" s="171">
        <v>0</v>
      </c>
      <c r="G67" s="156"/>
      <c r="N67" s="156"/>
    </row>
    <row r="68" spans="1:14" x14ac:dyDescent="0.3">
      <c r="A68" s="156" t="s">
        <v>1651</v>
      </c>
      <c r="B68" s="156" t="s">
        <v>908</v>
      </c>
      <c r="C68" s="171">
        <v>0</v>
      </c>
      <c r="G68" s="156"/>
      <c r="N68" s="156"/>
    </row>
    <row r="69" spans="1:14" x14ac:dyDescent="0.3">
      <c r="A69" s="156" t="s">
        <v>1652</v>
      </c>
      <c r="B69" s="156" t="s">
        <v>910</v>
      </c>
      <c r="C69" s="171">
        <v>0</v>
      </c>
      <c r="G69" s="156"/>
      <c r="N69" s="156"/>
    </row>
    <row r="70" spans="1:14" x14ac:dyDescent="0.3">
      <c r="A70" s="156" t="s">
        <v>1653</v>
      </c>
      <c r="B70" s="156" t="s">
        <v>912</v>
      </c>
      <c r="C70" s="171">
        <v>0</v>
      </c>
      <c r="G70" s="156"/>
      <c r="N70" s="156"/>
    </row>
    <row r="71" spans="1:14" x14ac:dyDescent="0.3">
      <c r="A71" s="156" t="s">
        <v>1654</v>
      </c>
      <c r="B71" s="156" t="s">
        <v>914</v>
      </c>
      <c r="C71" s="171">
        <v>0</v>
      </c>
      <c r="G71" s="156"/>
      <c r="N71" s="156"/>
    </row>
    <row r="72" spans="1:14" x14ac:dyDescent="0.3">
      <c r="A72" s="156" t="s">
        <v>1655</v>
      </c>
      <c r="B72" s="156" t="s">
        <v>916</v>
      </c>
      <c r="C72" s="171">
        <v>0</v>
      </c>
      <c r="G72" s="156"/>
      <c r="N72" s="156"/>
    </row>
    <row r="73" spans="1:14" x14ac:dyDescent="0.3">
      <c r="A73" s="156" t="s">
        <v>1656</v>
      </c>
      <c r="B73" s="156" t="s">
        <v>918</v>
      </c>
      <c r="C73" s="171">
        <v>0</v>
      </c>
      <c r="G73" s="156"/>
      <c r="N73" s="156"/>
    </row>
    <row r="74" spans="1:14" x14ac:dyDescent="0.3">
      <c r="A74" s="156" t="s">
        <v>1657</v>
      </c>
      <c r="B74" s="156" t="s">
        <v>920</v>
      </c>
      <c r="C74" s="171">
        <v>0</v>
      </c>
      <c r="G74" s="156"/>
      <c r="N74" s="156"/>
    </row>
    <row r="75" spans="1:14" x14ac:dyDescent="0.3">
      <c r="A75" s="156" t="s">
        <v>1658</v>
      </c>
      <c r="B75" s="156" t="s">
        <v>922</v>
      </c>
      <c r="C75" s="171">
        <v>0</v>
      </c>
      <c r="G75" s="156"/>
      <c r="N75" s="156"/>
    </row>
    <row r="76" spans="1:14" x14ac:dyDescent="0.3">
      <c r="A76" s="156" t="s">
        <v>1659</v>
      </c>
      <c r="B76" s="156" t="s">
        <v>286</v>
      </c>
      <c r="C76" s="171">
        <v>0</v>
      </c>
      <c r="G76" s="156"/>
      <c r="N76" s="156"/>
    </row>
    <row r="77" spans="1:14" x14ac:dyDescent="0.3">
      <c r="A77" s="156" t="s">
        <v>1660</v>
      </c>
      <c r="B77" s="107" t="s">
        <v>565</v>
      </c>
      <c r="C77" s="173">
        <f>SUM(C78:C80)</f>
        <v>0</v>
      </c>
      <c r="G77" s="156"/>
      <c r="I77" s="145"/>
      <c r="N77" s="156"/>
    </row>
    <row r="78" spans="1:14" x14ac:dyDescent="0.3">
      <c r="A78" s="156" t="s">
        <v>1661</v>
      </c>
      <c r="B78" s="156" t="s">
        <v>926</v>
      </c>
      <c r="C78" s="171">
        <v>0</v>
      </c>
      <c r="G78" s="156"/>
      <c r="N78" s="156"/>
    </row>
    <row r="79" spans="1:14" x14ac:dyDescent="0.3">
      <c r="A79" s="156" t="s">
        <v>1662</v>
      </c>
      <c r="B79" s="156" t="s">
        <v>928</v>
      </c>
      <c r="C79" s="171">
        <v>0</v>
      </c>
      <c r="G79" s="156"/>
      <c r="N79" s="156"/>
    </row>
    <row r="80" spans="1:14" x14ac:dyDescent="0.3">
      <c r="A80" s="156" t="s">
        <v>1663</v>
      </c>
      <c r="B80" s="156" t="s">
        <v>930</v>
      </c>
      <c r="C80" s="171">
        <v>0</v>
      </c>
      <c r="G80" s="156"/>
      <c r="N80" s="156"/>
    </row>
    <row r="81" spans="1:14" x14ac:dyDescent="0.3">
      <c r="A81" s="156" t="s">
        <v>1664</v>
      </c>
      <c r="B81" s="107" t="s">
        <v>364</v>
      </c>
      <c r="C81" s="173">
        <f>SUM(C82:C92)</f>
        <v>0</v>
      </c>
      <c r="G81" s="156"/>
      <c r="I81" s="145"/>
      <c r="N81" s="156"/>
    </row>
    <row r="82" spans="1:14" x14ac:dyDescent="0.3">
      <c r="A82" s="156" t="s">
        <v>1665</v>
      </c>
      <c r="B82" s="151" t="s">
        <v>567</v>
      </c>
      <c r="C82" s="171">
        <v>0</v>
      </c>
      <c r="G82" s="156"/>
      <c r="I82" s="151"/>
      <c r="N82" s="156"/>
    </row>
    <row r="83" spans="1:14" x14ac:dyDescent="0.3">
      <c r="A83" s="156" t="s">
        <v>1666</v>
      </c>
      <c r="B83" s="156" t="s">
        <v>934</v>
      </c>
      <c r="C83" s="171">
        <v>0</v>
      </c>
      <c r="G83" s="156"/>
      <c r="I83" s="151"/>
      <c r="N83" s="156"/>
    </row>
    <row r="84" spans="1:14" x14ac:dyDescent="0.3">
      <c r="A84" s="156" t="s">
        <v>1667</v>
      </c>
      <c r="B84" s="151" t="s">
        <v>569</v>
      </c>
      <c r="C84" s="171">
        <v>0</v>
      </c>
      <c r="G84" s="156"/>
      <c r="I84" s="151"/>
      <c r="N84" s="156"/>
    </row>
    <row r="85" spans="1:14" x14ac:dyDescent="0.3">
      <c r="A85" s="156" t="s">
        <v>1668</v>
      </c>
      <c r="B85" s="151" t="s">
        <v>571</v>
      </c>
      <c r="C85" s="171">
        <v>0</v>
      </c>
      <c r="G85" s="156"/>
      <c r="I85" s="151"/>
      <c r="N85" s="156"/>
    </row>
    <row r="86" spans="1:14" x14ac:dyDescent="0.3">
      <c r="A86" s="156" t="s">
        <v>1669</v>
      </c>
      <c r="B86" s="151" t="s">
        <v>573</v>
      </c>
      <c r="C86" s="171">
        <v>0</v>
      </c>
      <c r="G86" s="156"/>
      <c r="I86" s="151"/>
      <c r="N86" s="156"/>
    </row>
    <row r="87" spans="1:14" x14ac:dyDescent="0.3">
      <c r="A87" s="156" t="s">
        <v>1670</v>
      </c>
      <c r="B87" s="151" t="s">
        <v>575</v>
      </c>
      <c r="C87" s="171">
        <v>0</v>
      </c>
      <c r="G87" s="156"/>
      <c r="I87" s="151"/>
      <c r="N87" s="156"/>
    </row>
    <row r="88" spans="1:14" x14ac:dyDescent="0.3">
      <c r="A88" s="156" t="s">
        <v>1671</v>
      </c>
      <c r="B88" s="151" t="s">
        <v>577</v>
      </c>
      <c r="C88" s="171">
        <v>0</v>
      </c>
      <c r="G88" s="156"/>
      <c r="I88" s="151"/>
      <c r="N88" s="156"/>
    </row>
    <row r="89" spans="1:14" x14ac:dyDescent="0.3">
      <c r="A89" s="156" t="s">
        <v>1672</v>
      </c>
      <c r="B89" s="151" t="s">
        <v>579</v>
      </c>
      <c r="C89" s="171">
        <v>0</v>
      </c>
      <c r="G89" s="156"/>
      <c r="I89" s="151"/>
      <c r="N89" s="156"/>
    </row>
    <row r="90" spans="1:14" x14ac:dyDescent="0.3">
      <c r="A90" s="156" t="s">
        <v>1673</v>
      </c>
      <c r="B90" s="151" t="s">
        <v>581</v>
      </c>
      <c r="C90" s="171">
        <v>0</v>
      </c>
      <c r="G90" s="156"/>
      <c r="I90" s="151"/>
      <c r="N90" s="156"/>
    </row>
    <row r="91" spans="1:14" x14ac:dyDescent="0.3">
      <c r="A91" s="156" t="s">
        <v>1674</v>
      </c>
      <c r="B91" s="151" t="s">
        <v>583</v>
      </c>
      <c r="C91" s="171">
        <v>0</v>
      </c>
      <c r="G91" s="156"/>
      <c r="I91" s="151"/>
      <c r="N91" s="156"/>
    </row>
    <row r="92" spans="1:14" x14ac:dyDescent="0.3">
      <c r="A92" s="156" t="s">
        <v>1675</v>
      </c>
      <c r="B92" s="151" t="s">
        <v>364</v>
      </c>
      <c r="C92" s="171">
        <v>0</v>
      </c>
      <c r="G92" s="156"/>
      <c r="I92" s="151"/>
      <c r="N92" s="156"/>
    </row>
    <row r="93" spans="1:14" outlineLevel="1" x14ac:dyDescent="0.3">
      <c r="A93" s="156" t="s">
        <v>1676</v>
      </c>
      <c r="B93" s="106" t="s">
        <v>368</v>
      </c>
      <c r="C93" s="173"/>
      <c r="G93" s="156"/>
      <c r="I93" s="151"/>
      <c r="N93" s="156"/>
    </row>
    <row r="94" spans="1:14" outlineLevel="1" x14ac:dyDescent="0.3">
      <c r="A94" s="156" t="s">
        <v>1677</v>
      </c>
      <c r="B94" s="106" t="s">
        <v>368</v>
      </c>
      <c r="C94" s="173"/>
      <c r="G94" s="156"/>
      <c r="I94" s="151"/>
      <c r="N94" s="156"/>
    </row>
    <row r="95" spans="1:14" outlineLevel="1" x14ac:dyDescent="0.3">
      <c r="A95" s="156" t="s">
        <v>1678</v>
      </c>
      <c r="B95" s="106" t="s">
        <v>368</v>
      </c>
      <c r="C95" s="173"/>
      <c r="G95" s="156"/>
      <c r="I95" s="151"/>
      <c r="N95" s="156"/>
    </row>
    <row r="96" spans="1:14" outlineLevel="1" x14ac:dyDescent="0.3">
      <c r="A96" s="156" t="s">
        <v>1679</v>
      </c>
      <c r="B96" s="106" t="s">
        <v>368</v>
      </c>
      <c r="C96" s="173"/>
      <c r="G96" s="156"/>
      <c r="I96" s="151"/>
      <c r="N96" s="156"/>
    </row>
    <row r="97" spans="1:14" outlineLevel="1" x14ac:dyDescent="0.3">
      <c r="A97" s="156" t="s">
        <v>1680</v>
      </c>
      <c r="B97" s="106" t="s">
        <v>368</v>
      </c>
      <c r="C97" s="173"/>
      <c r="G97" s="156"/>
      <c r="I97" s="151"/>
      <c r="N97" s="156"/>
    </row>
    <row r="98" spans="1:14" outlineLevel="1" x14ac:dyDescent="0.3">
      <c r="A98" s="156" t="s">
        <v>1681</v>
      </c>
      <c r="B98" s="106" t="s">
        <v>368</v>
      </c>
      <c r="C98" s="173"/>
      <c r="G98" s="156"/>
      <c r="I98" s="151"/>
      <c r="N98" s="156"/>
    </row>
    <row r="99" spans="1:14" outlineLevel="1" x14ac:dyDescent="0.3">
      <c r="A99" s="156" t="s">
        <v>1682</v>
      </c>
      <c r="B99" s="106" t="s">
        <v>368</v>
      </c>
      <c r="C99" s="173"/>
      <c r="G99" s="156"/>
      <c r="I99" s="151"/>
      <c r="N99" s="156"/>
    </row>
    <row r="100" spans="1:14" outlineLevel="1" x14ac:dyDescent="0.3">
      <c r="A100" s="156" t="s">
        <v>1683</v>
      </c>
      <c r="B100" s="106" t="s">
        <v>368</v>
      </c>
      <c r="C100" s="173"/>
      <c r="G100" s="156"/>
      <c r="I100" s="151"/>
      <c r="N100" s="156"/>
    </row>
    <row r="101" spans="1:14" outlineLevel="1" x14ac:dyDescent="0.3">
      <c r="A101" s="156" t="s">
        <v>1684</v>
      </c>
      <c r="B101" s="106" t="s">
        <v>368</v>
      </c>
      <c r="C101" s="173"/>
      <c r="G101" s="156"/>
      <c r="I101" s="151"/>
      <c r="N101" s="156"/>
    </row>
    <row r="102" spans="1:14" outlineLevel="1" x14ac:dyDescent="0.3">
      <c r="A102" s="156" t="s">
        <v>1685</v>
      </c>
      <c r="B102" s="106" t="s">
        <v>368</v>
      </c>
      <c r="C102" s="173"/>
      <c r="G102" s="156"/>
      <c r="I102" s="151"/>
      <c r="N102" s="156"/>
    </row>
    <row r="103" spans="1:14" ht="15" customHeight="1" x14ac:dyDescent="0.3">
      <c r="A103" s="103"/>
      <c r="B103" s="194" t="s">
        <v>954</v>
      </c>
      <c r="C103" s="195" t="s">
        <v>1600</v>
      </c>
      <c r="D103" s="103"/>
      <c r="E103" s="81"/>
      <c r="F103" s="103"/>
      <c r="G103" s="80"/>
      <c r="I103" s="113"/>
      <c r="J103" s="129"/>
      <c r="K103" s="129"/>
      <c r="L103" s="145"/>
      <c r="M103" s="129"/>
      <c r="N103" s="94"/>
    </row>
    <row r="104" spans="1:14" x14ac:dyDescent="0.3">
      <c r="A104" s="156" t="s">
        <v>1686</v>
      </c>
      <c r="B104" s="151" t="s">
        <v>1205</v>
      </c>
      <c r="C104" s="171">
        <v>0</v>
      </c>
      <c r="G104" s="156"/>
      <c r="I104" s="151"/>
      <c r="N104" s="156"/>
    </row>
    <row r="105" spans="1:14" x14ac:dyDescent="0.3">
      <c r="A105" s="156" t="s">
        <v>1687</v>
      </c>
      <c r="B105" s="151" t="s">
        <v>1205</v>
      </c>
      <c r="C105" s="171">
        <v>0</v>
      </c>
      <c r="G105" s="156"/>
      <c r="I105" s="151"/>
      <c r="N105" s="156"/>
    </row>
    <row r="106" spans="1:14" x14ac:dyDescent="0.3">
      <c r="A106" s="156" t="s">
        <v>1688</v>
      </c>
      <c r="B106" s="151" t="s">
        <v>1205</v>
      </c>
      <c r="C106" s="171">
        <v>0</v>
      </c>
      <c r="G106" s="156"/>
      <c r="I106" s="151"/>
      <c r="N106" s="156"/>
    </row>
    <row r="107" spans="1:14" x14ac:dyDescent="0.3">
      <c r="A107" s="156" t="s">
        <v>1689</v>
      </c>
      <c r="B107" s="151" t="s">
        <v>1205</v>
      </c>
      <c r="C107" s="171">
        <v>0</v>
      </c>
      <c r="G107" s="156"/>
      <c r="I107" s="151"/>
      <c r="N107" s="156"/>
    </row>
    <row r="108" spans="1:14" x14ac:dyDescent="0.3">
      <c r="A108" s="156" t="s">
        <v>1690</v>
      </c>
      <c r="B108" s="151" t="s">
        <v>1205</v>
      </c>
      <c r="C108" s="171">
        <v>0</v>
      </c>
      <c r="G108" s="156"/>
      <c r="I108" s="151"/>
      <c r="N108" s="156"/>
    </row>
    <row r="109" spans="1:14" x14ac:dyDescent="0.3">
      <c r="A109" s="156" t="s">
        <v>1691</v>
      </c>
      <c r="B109" s="151" t="s">
        <v>1205</v>
      </c>
      <c r="C109" s="171">
        <v>0</v>
      </c>
      <c r="G109" s="156"/>
      <c r="I109" s="151"/>
      <c r="N109" s="156"/>
    </row>
    <row r="110" spans="1:14" x14ac:dyDescent="0.3">
      <c r="A110" s="156" t="s">
        <v>1692</v>
      </c>
      <c r="B110" s="151" t="s">
        <v>1205</v>
      </c>
      <c r="C110" s="171">
        <v>0</v>
      </c>
      <c r="G110" s="156"/>
      <c r="I110" s="151"/>
      <c r="N110" s="156"/>
    </row>
    <row r="111" spans="1:14" x14ac:dyDescent="0.3">
      <c r="A111" s="156" t="s">
        <v>1693</v>
      </c>
      <c r="B111" s="151" t="s">
        <v>1205</v>
      </c>
      <c r="C111" s="171">
        <v>0</v>
      </c>
      <c r="G111" s="156"/>
      <c r="I111" s="151"/>
      <c r="N111" s="156"/>
    </row>
    <row r="112" spans="1:14" x14ac:dyDescent="0.3">
      <c r="A112" s="156" t="s">
        <v>1694</v>
      </c>
      <c r="B112" s="151" t="s">
        <v>1205</v>
      </c>
      <c r="C112" s="171">
        <v>0</v>
      </c>
      <c r="G112" s="156"/>
      <c r="I112" s="151"/>
      <c r="N112" s="156"/>
    </row>
    <row r="113" spans="1:14" x14ac:dyDescent="0.3">
      <c r="A113" s="156" t="s">
        <v>1695</v>
      </c>
      <c r="B113" s="151" t="s">
        <v>1205</v>
      </c>
      <c r="C113" s="171">
        <v>0</v>
      </c>
      <c r="G113" s="156"/>
      <c r="I113" s="151"/>
      <c r="N113" s="156"/>
    </row>
    <row r="114" spans="1:14" x14ac:dyDescent="0.3">
      <c r="A114" s="156" t="s">
        <v>1696</v>
      </c>
      <c r="B114" s="151" t="s">
        <v>1205</v>
      </c>
      <c r="C114" s="171">
        <v>0</v>
      </c>
      <c r="G114" s="156"/>
      <c r="I114" s="151"/>
      <c r="N114" s="156"/>
    </row>
    <row r="115" spans="1:14" x14ac:dyDescent="0.3">
      <c r="A115" s="156" t="s">
        <v>1697</v>
      </c>
      <c r="B115" s="151" t="s">
        <v>1205</v>
      </c>
      <c r="C115" s="171">
        <v>0</v>
      </c>
      <c r="G115" s="156"/>
      <c r="I115" s="151"/>
      <c r="N115" s="156"/>
    </row>
    <row r="116" spans="1:14" x14ac:dyDescent="0.3">
      <c r="A116" s="156" t="s">
        <v>1698</v>
      </c>
      <c r="B116" s="151" t="s">
        <v>1205</v>
      </c>
      <c r="C116" s="171">
        <v>0</v>
      </c>
      <c r="G116" s="156"/>
      <c r="I116" s="151"/>
      <c r="N116" s="156"/>
    </row>
    <row r="117" spans="1:14" x14ac:dyDescent="0.3">
      <c r="A117" s="156" t="s">
        <v>1699</v>
      </c>
      <c r="B117" s="151" t="s">
        <v>1205</v>
      </c>
      <c r="C117" s="171">
        <v>0</v>
      </c>
      <c r="G117" s="156"/>
      <c r="I117" s="151"/>
      <c r="N117" s="156"/>
    </row>
    <row r="118" spans="1:14" x14ac:dyDescent="0.3">
      <c r="A118" s="156" t="s">
        <v>1700</v>
      </c>
      <c r="B118" s="151" t="s">
        <v>1205</v>
      </c>
      <c r="C118" s="171">
        <v>0</v>
      </c>
      <c r="G118" s="156"/>
      <c r="I118" s="151"/>
      <c r="N118" s="156"/>
    </row>
    <row r="119" spans="1:14" x14ac:dyDescent="0.3">
      <c r="A119" s="156" t="s">
        <v>1701</v>
      </c>
      <c r="B119" s="151" t="s">
        <v>1205</v>
      </c>
      <c r="C119" s="171">
        <v>0</v>
      </c>
      <c r="G119" s="156"/>
      <c r="I119" s="151"/>
      <c r="N119" s="156"/>
    </row>
    <row r="120" spans="1:14" x14ac:dyDescent="0.3">
      <c r="A120" s="156" t="s">
        <v>1702</v>
      </c>
      <c r="B120" s="151" t="s">
        <v>1205</v>
      </c>
      <c r="C120" s="171">
        <v>0</v>
      </c>
      <c r="G120" s="156"/>
      <c r="I120" s="151"/>
      <c r="N120" s="156"/>
    </row>
    <row r="121" spans="1:14" x14ac:dyDescent="0.3">
      <c r="A121" s="156" t="s">
        <v>1703</v>
      </c>
      <c r="B121" s="151" t="s">
        <v>1205</v>
      </c>
      <c r="C121" s="171">
        <v>0</v>
      </c>
      <c r="G121" s="156"/>
      <c r="I121" s="151"/>
      <c r="N121" s="156"/>
    </row>
    <row r="122" spans="1:14" x14ac:dyDescent="0.3">
      <c r="A122" s="156" t="s">
        <v>1704</v>
      </c>
      <c r="B122" s="151" t="s">
        <v>1205</v>
      </c>
      <c r="C122" s="171">
        <v>0</v>
      </c>
      <c r="G122" s="156"/>
      <c r="I122" s="151"/>
      <c r="N122" s="156"/>
    </row>
    <row r="123" spans="1:14" x14ac:dyDescent="0.3">
      <c r="A123" s="156" t="s">
        <v>1705</v>
      </c>
      <c r="B123" s="151" t="s">
        <v>1205</v>
      </c>
      <c r="C123" s="171">
        <v>0</v>
      </c>
      <c r="G123" s="156"/>
      <c r="I123" s="151"/>
      <c r="N123" s="156"/>
    </row>
    <row r="124" spans="1:14" x14ac:dyDescent="0.3">
      <c r="A124" s="156" t="s">
        <v>1706</v>
      </c>
      <c r="B124" s="151" t="s">
        <v>1205</v>
      </c>
      <c r="C124" s="171">
        <v>0</v>
      </c>
      <c r="G124" s="156"/>
      <c r="I124" s="151"/>
      <c r="N124" s="156"/>
    </row>
    <row r="125" spans="1:14" x14ac:dyDescent="0.3">
      <c r="A125" s="156" t="s">
        <v>1707</v>
      </c>
      <c r="B125" s="151" t="s">
        <v>1205</v>
      </c>
      <c r="C125" s="171">
        <v>0</v>
      </c>
      <c r="G125" s="156"/>
      <c r="I125" s="151"/>
      <c r="N125" s="156"/>
    </row>
    <row r="126" spans="1:14" x14ac:dyDescent="0.3">
      <c r="A126" s="156" t="s">
        <v>1708</v>
      </c>
      <c r="B126" s="151" t="s">
        <v>1205</v>
      </c>
      <c r="C126" s="171">
        <v>0</v>
      </c>
      <c r="G126" s="156"/>
      <c r="I126" s="151"/>
      <c r="N126" s="156"/>
    </row>
    <row r="127" spans="1:14" x14ac:dyDescent="0.3">
      <c r="A127" s="156" t="s">
        <v>1709</v>
      </c>
      <c r="B127" s="151" t="s">
        <v>1205</v>
      </c>
      <c r="C127" s="171">
        <v>0</v>
      </c>
      <c r="G127" s="156"/>
      <c r="I127" s="151"/>
      <c r="N127" s="156"/>
    </row>
    <row r="128" spans="1:14" x14ac:dyDescent="0.3">
      <c r="A128" s="156" t="s">
        <v>1710</v>
      </c>
      <c r="B128" s="151" t="s">
        <v>1205</v>
      </c>
      <c r="C128" s="171">
        <v>0</v>
      </c>
      <c r="G128" s="156"/>
      <c r="I128" s="151"/>
      <c r="N128" s="156"/>
    </row>
    <row r="129" spans="1:14" x14ac:dyDescent="0.3">
      <c r="A129" s="103"/>
      <c r="B129" s="79" t="s">
        <v>1013</v>
      </c>
      <c r="C129" s="103" t="s">
        <v>1600</v>
      </c>
      <c r="D129" s="103"/>
      <c r="E129" s="103"/>
      <c r="F129" s="80"/>
      <c r="G129" s="80"/>
      <c r="I129" s="113"/>
      <c r="J129" s="129"/>
      <c r="K129" s="129"/>
      <c r="L129" s="129"/>
      <c r="M129" s="94"/>
      <c r="N129" s="94"/>
    </row>
    <row r="130" spans="1:14" x14ac:dyDescent="0.3">
      <c r="A130" s="156" t="s">
        <v>1711</v>
      </c>
      <c r="B130" s="156" t="s">
        <v>1015</v>
      </c>
      <c r="C130" s="171">
        <v>0</v>
      </c>
    </row>
    <row r="131" spans="1:14" x14ac:dyDescent="0.3">
      <c r="A131" s="156" t="s">
        <v>1712</v>
      </c>
      <c r="B131" s="156" t="s">
        <v>1017</v>
      </c>
      <c r="C131" s="171">
        <v>0</v>
      </c>
    </row>
    <row r="132" spans="1:14" x14ac:dyDescent="0.3">
      <c r="A132" s="156" t="s">
        <v>1713</v>
      </c>
      <c r="B132" s="156" t="s">
        <v>364</v>
      </c>
      <c r="C132" s="171">
        <v>0</v>
      </c>
    </row>
    <row r="133" spans="1:14" outlineLevel="1" x14ac:dyDescent="0.3">
      <c r="A133" s="156" t="s">
        <v>1714</v>
      </c>
      <c r="C133" s="173"/>
    </row>
    <row r="134" spans="1:14" outlineLevel="1" x14ac:dyDescent="0.3">
      <c r="A134" s="156" t="s">
        <v>1715</v>
      </c>
      <c r="C134" s="173"/>
    </row>
    <row r="135" spans="1:14" outlineLevel="1" x14ac:dyDescent="0.3">
      <c r="A135" s="156" t="s">
        <v>1716</v>
      </c>
      <c r="C135" s="173"/>
    </row>
    <row r="136" spans="1:14" outlineLevel="1" x14ac:dyDescent="0.3">
      <c r="A136" s="156" t="s">
        <v>1717</v>
      </c>
      <c r="C136" s="173"/>
    </row>
    <row r="137" spans="1:14" x14ac:dyDescent="0.3">
      <c r="A137" s="103"/>
      <c r="B137" s="79" t="s">
        <v>1025</v>
      </c>
      <c r="C137" s="103" t="s">
        <v>1600</v>
      </c>
      <c r="D137" s="103"/>
      <c r="E137" s="103"/>
      <c r="F137" s="80"/>
      <c r="G137" s="80"/>
      <c r="I137" s="113"/>
      <c r="J137" s="129"/>
      <c r="K137" s="129"/>
      <c r="L137" s="129"/>
      <c r="M137" s="94"/>
      <c r="N137" s="94"/>
    </row>
    <row r="138" spans="1:14" x14ac:dyDescent="0.3">
      <c r="A138" s="156" t="s">
        <v>1718</v>
      </c>
      <c r="B138" s="156" t="s">
        <v>1027</v>
      </c>
      <c r="C138" s="171">
        <v>0</v>
      </c>
      <c r="D138" s="54"/>
      <c r="E138" s="54"/>
      <c r="F138" s="114"/>
      <c r="G138" s="116"/>
      <c r="K138" s="54"/>
      <c r="L138" s="54"/>
      <c r="M138" s="114"/>
      <c r="N138" s="116"/>
    </row>
    <row r="139" spans="1:14" x14ac:dyDescent="0.3">
      <c r="A139" s="156" t="s">
        <v>1719</v>
      </c>
      <c r="B139" s="156" t="s">
        <v>1029</v>
      </c>
      <c r="C139" s="171">
        <v>0</v>
      </c>
      <c r="D139" s="54"/>
      <c r="E139" s="54"/>
      <c r="F139" s="114"/>
      <c r="G139" s="116"/>
      <c r="K139" s="54"/>
      <c r="L139" s="54"/>
      <c r="M139" s="114"/>
      <c r="N139" s="116"/>
    </row>
    <row r="140" spans="1:14" x14ac:dyDescent="0.3">
      <c r="A140" s="156" t="s">
        <v>1720</v>
      </c>
      <c r="B140" s="156" t="s">
        <v>364</v>
      </c>
      <c r="C140" s="171">
        <v>0</v>
      </c>
      <c r="D140" s="54"/>
      <c r="E140" s="54"/>
      <c r="F140" s="114"/>
      <c r="G140" s="116"/>
      <c r="K140" s="54"/>
      <c r="L140" s="54"/>
      <c r="M140" s="114"/>
      <c r="N140" s="116"/>
    </row>
    <row r="141" spans="1:14" outlineLevel="1" x14ac:dyDescent="0.3">
      <c r="A141" s="156" t="s">
        <v>1721</v>
      </c>
      <c r="C141" s="173"/>
      <c r="D141" s="54"/>
      <c r="E141" s="54"/>
      <c r="F141" s="114"/>
      <c r="G141" s="116"/>
      <c r="K141" s="54"/>
      <c r="L141" s="54"/>
      <c r="M141" s="114"/>
      <c r="N141" s="116"/>
    </row>
    <row r="142" spans="1:14" outlineLevel="1" x14ac:dyDescent="0.3">
      <c r="A142" s="156" t="s">
        <v>1722</v>
      </c>
      <c r="C142" s="173"/>
      <c r="D142" s="54"/>
      <c r="E142" s="54"/>
      <c r="F142" s="114"/>
      <c r="G142" s="116"/>
      <c r="K142" s="54"/>
      <c r="L142" s="54"/>
      <c r="M142" s="114"/>
      <c r="N142" s="116"/>
    </row>
    <row r="143" spans="1:14" outlineLevel="1" x14ac:dyDescent="0.3">
      <c r="A143" s="156" t="s">
        <v>1723</v>
      </c>
      <c r="C143" s="173"/>
      <c r="D143" s="54"/>
      <c r="E143" s="54"/>
      <c r="F143" s="114"/>
      <c r="G143" s="116"/>
      <c r="K143" s="54"/>
      <c r="L143" s="54"/>
      <c r="M143" s="114"/>
      <c r="N143" s="116"/>
    </row>
    <row r="144" spans="1:14" outlineLevel="1" x14ac:dyDescent="0.3">
      <c r="A144" s="156" t="s">
        <v>1724</v>
      </c>
      <c r="C144" s="173"/>
      <c r="D144" s="54"/>
      <c r="E144" s="54"/>
      <c r="F144" s="114"/>
      <c r="G144" s="116"/>
      <c r="K144" s="54"/>
      <c r="L144" s="54"/>
      <c r="M144" s="114"/>
      <c r="N144" s="116"/>
    </row>
    <row r="145" spans="1:14" outlineLevel="1" x14ac:dyDescent="0.3">
      <c r="A145" s="156" t="s">
        <v>1725</v>
      </c>
      <c r="C145" s="173"/>
      <c r="D145" s="54"/>
      <c r="E145" s="54"/>
      <c r="F145" s="114"/>
      <c r="G145" s="116"/>
      <c r="K145" s="54"/>
      <c r="L145" s="54"/>
      <c r="M145" s="114"/>
      <c r="N145" s="116"/>
    </row>
    <row r="146" spans="1:14" outlineLevel="1" x14ac:dyDescent="0.3">
      <c r="A146" s="156" t="s">
        <v>1726</v>
      </c>
      <c r="C146" s="173"/>
      <c r="D146" s="54"/>
      <c r="E146" s="54"/>
      <c r="F146" s="114"/>
      <c r="G146" s="116"/>
      <c r="K146" s="54"/>
      <c r="L146" s="54"/>
      <c r="M146" s="114"/>
      <c r="N146" s="116"/>
    </row>
    <row r="147" spans="1:14" x14ac:dyDescent="0.3">
      <c r="A147" s="103"/>
      <c r="B147" s="79" t="s">
        <v>1727</v>
      </c>
      <c r="C147" s="103" t="s">
        <v>325</v>
      </c>
      <c r="D147" s="103"/>
      <c r="E147" s="103"/>
      <c r="F147" s="103" t="s">
        <v>1600</v>
      </c>
      <c r="G147" s="80"/>
      <c r="I147" s="113"/>
      <c r="J147" s="129"/>
      <c r="K147" s="129"/>
      <c r="L147" s="129"/>
      <c r="M147" s="129"/>
      <c r="N147" s="94"/>
    </row>
    <row r="148" spans="1:14" x14ac:dyDescent="0.3">
      <c r="A148" s="156" t="s">
        <v>1728</v>
      </c>
      <c r="B148" s="151" t="s">
        <v>1729</v>
      </c>
      <c r="C148" s="169">
        <v>0</v>
      </c>
      <c r="D148" s="54"/>
      <c r="E148" s="54"/>
      <c r="F148" s="174" t="str">
        <f>IF($C$152=0,"",IF(C148="[for completion]","",C148/$C$152))</f>
        <v/>
      </c>
      <c r="G148" s="116"/>
      <c r="I148" s="151"/>
      <c r="K148" s="54"/>
      <c r="L148" s="54"/>
      <c r="M148" s="117"/>
      <c r="N148" s="116"/>
    </row>
    <row r="149" spans="1:14" x14ac:dyDescent="0.3">
      <c r="A149" s="156" t="s">
        <v>1730</v>
      </c>
      <c r="B149" s="151" t="s">
        <v>1731</v>
      </c>
      <c r="C149" s="169">
        <v>0</v>
      </c>
      <c r="D149" s="54"/>
      <c r="E149" s="54"/>
      <c r="F149" s="174" t="str">
        <f>IF($C$152=0,"",IF(C149="[for completion]","",C149/$C$152))</f>
        <v/>
      </c>
      <c r="G149" s="116"/>
      <c r="I149" s="151"/>
      <c r="K149" s="54"/>
      <c r="L149" s="54"/>
      <c r="M149" s="117"/>
      <c r="N149" s="116"/>
    </row>
    <row r="150" spans="1:14" x14ac:dyDescent="0.3">
      <c r="A150" s="156" t="s">
        <v>1732</v>
      </c>
      <c r="B150" s="151" t="s">
        <v>1733</v>
      </c>
      <c r="C150" s="169">
        <v>0</v>
      </c>
      <c r="D150" s="54"/>
      <c r="E150" s="54"/>
      <c r="F150" s="174" t="str">
        <f>IF($C$152=0,"",IF(C150="[for completion]","",C150/$C$152))</f>
        <v/>
      </c>
      <c r="G150" s="116"/>
      <c r="I150" s="151"/>
      <c r="K150" s="54"/>
      <c r="L150" s="54"/>
      <c r="M150" s="117"/>
      <c r="N150" s="116"/>
    </row>
    <row r="151" spans="1:14" ht="15" customHeight="1" x14ac:dyDescent="0.3">
      <c r="A151" s="156" t="s">
        <v>1734</v>
      </c>
      <c r="B151" s="151" t="s">
        <v>1735</v>
      </c>
      <c r="C151" s="169">
        <v>0</v>
      </c>
      <c r="D151" s="54"/>
      <c r="E151" s="54"/>
      <c r="F151" s="174" t="str">
        <f>IF($C$152=0,"",IF(C151="[for completion]","",C151/$C$152))</f>
        <v/>
      </c>
      <c r="G151" s="116"/>
      <c r="I151" s="151"/>
      <c r="K151" s="54"/>
      <c r="L151" s="54"/>
      <c r="M151" s="117"/>
      <c r="N151" s="116"/>
    </row>
    <row r="152" spans="1:14" ht="15" customHeight="1" x14ac:dyDescent="0.3">
      <c r="A152" s="156" t="s">
        <v>1736</v>
      </c>
      <c r="B152" s="115" t="s">
        <v>366</v>
      </c>
      <c r="C152" s="177">
        <f>SUM(C148:C151)</f>
        <v>0</v>
      </c>
      <c r="D152" s="54"/>
      <c r="E152" s="54"/>
      <c r="F152" s="173">
        <f>SUM(F148:F151)</f>
        <v>0</v>
      </c>
      <c r="G152" s="116"/>
      <c r="I152" s="151"/>
      <c r="K152" s="54"/>
      <c r="L152" s="54"/>
      <c r="M152" s="117"/>
      <c r="N152" s="116"/>
    </row>
    <row r="153" spans="1:14" ht="15" customHeight="1" outlineLevel="1" x14ac:dyDescent="0.3">
      <c r="A153" s="156" t="s">
        <v>1737</v>
      </c>
      <c r="B153" s="106" t="s">
        <v>1738</v>
      </c>
      <c r="D153" s="54"/>
      <c r="E153" s="54"/>
      <c r="F153" s="174" t="str">
        <f t="shared" ref="F153:F159" si="2">IF($C$152=0,"",IF(C153="[for completion]","",C153/$C$152))</f>
        <v/>
      </c>
      <c r="G153" s="116"/>
      <c r="I153" s="151"/>
      <c r="K153" s="54"/>
      <c r="L153" s="54"/>
      <c r="M153" s="117"/>
      <c r="N153" s="116"/>
    </row>
    <row r="154" spans="1:14" ht="15" customHeight="1" outlineLevel="1" x14ac:dyDescent="0.3">
      <c r="A154" s="156" t="s">
        <v>1739</v>
      </c>
      <c r="B154" s="106" t="s">
        <v>1740</v>
      </c>
      <c r="D154" s="54"/>
      <c r="E154" s="54"/>
      <c r="F154" s="174" t="str">
        <f t="shared" si="2"/>
        <v/>
      </c>
      <c r="G154" s="116"/>
      <c r="I154" s="151"/>
      <c r="K154" s="54"/>
      <c r="L154" s="54"/>
      <c r="M154" s="117"/>
      <c r="N154" s="116"/>
    </row>
    <row r="155" spans="1:14" ht="15" customHeight="1" outlineLevel="1" x14ac:dyDescent="0.3">
      <c r="A155" s="156" t="s">
        <v>1741</v>
      </c>
      <c r="B155" s="106" t="s">
        <v>1742</v>
      </c>
      <c r="D155" s="54"/>
      <c r="E155" s="54"/>
      <c r="F155" s="174" t="str">
        <f t="shared" si="2"/>
        <v/>
      </c>
      <c r="G155" s="116"/>
      <c r="I155" s="151"/>
      <c r="K155" s="54"/>
      <c r="L155" s="54"/>
      <c r="M155" s="117"/>
      <c r="N155" s="116"/>
    </row>
    <row r="156" spans="1:14" ht="15" customHeight="1" outlineLevel="1" x14ac:dyDescent="0.3">
      <c r="A156" s="156" t="s">
        <v>1743</v>
      </c>
      <c r="B156" s="106" t="s">
        <v>1744</v>
      </c>
      <c r="D156" s="54"/>
      <c r="E156" s="54"/>
      <c r="F156" s="174" t="str">
        <f t="shared" si="2"/>
        <v/>
      </c>
      <c r="G156" s="116"/>
      <c r="I156" s="151"/>
      <c r="K156" s="54"/>
      <c r="L156" s="54"/>
      <c r="M156" s="117"/>
      <c r="N156" s="116"/>
    </row>
    <row r="157" spans="1:14" ht="15" customHeight="1" outlineLevel="1" x14ac:dyDescent="0.3">
      <c r="A157" s="156" t="s">
        <v>1745</v>
      </c>
      <c r="B157" s="106" t="s">
        <v>1746</v>
      </c>
      <c r="D157" s="54"/>
      <c r="E157" s="54"/>
      <c r="F157" s="174" t="str">
        <f t="shared" si="2"/>
        <v/>
      </c>
      <c r="G157" s="116"/>
      <c r="I157" s="151"/>
      <c r="K157" s="54"/>
      <c r="L157" s="54"/>
      <c r="M157" s="117"/>
      <c r="N157" s="116"/>
    </row>
    <row r="158" spans="1:14" ht="15" customHeight="1" outlineLevel="1" x14ac:dyDescent="0.3">
      <c r="A158" s="156" t="s">
        <v>1747</v>
      </c>
      <c r="B158" s="106" t="s">
        <v>1748</v>
      </c>
      <c r="D158" s="54"/>
      <c r="E158" s="54"/>
      <c r="F158" s="174" t="str">
        <f t="shared" si="2"/>
        <v/>
      </c>
      <c r="G158" s="116"/>
      <c r="I158" s="151"/>
      <c r="K158" s="54"/>
      <c r="L158" s="54"/>
      <c r="M158" s="117"/>
      <c r="N158" s="116"/>
    </row>
    <row r="159" spans="1:14" ht="15" customHeight="1" outlineLevel="1" x14ac:dyDescent="0.3">
      <c r="A159" s="156" t="s">
        <v>1749</v>
      </c>
      <c r="B159" s="106" t="s">
        <v>1750</v>
      </c>
      <c r="D159" s="54"/>
      <c r="E159" s="54"/>
      <c r="F159" s="174" t="str">
        <f t="shared" si="2"/>
        <v/>
      </c>
      <c r="G159" s="116"/>
      <c r="I159" s="151"/>
      <c r="K159" s="54"/>
      <c r="L159" s="54"/>
      <c r="M159" s="117"/>
      <c r="N159" s="116"/>
    </row>
    <row r="160" spans="1:14" ht="15" customHeight="1" outlineLevel="1" x14ac:dyDescent="0.3">
      <c r="A160" s="156" t="s">
        <v>1751</v>
      </c>
      <c r="B160" s="106"/>
      <c r="D160" s="54"/>
      <c r="E160" s="54"/>
      <c r="F160" s="117"/>
      <c r="G160" s="116"/>
      <c r="I160" s="151"/>
      <c r="K160" s="54"/>
      <c r="L160" s="54"/>
      <c r="M160" s="117"/>
      <c r="N160" s="116"/>
    </row>
    <row r="161" spans="1:14" ht="15" customHeight="1" outlineLevel="1" x14ac:dyDescent="0.3">
      <c r="A161" s="156" t="s">
        <v>1752</v>
      </c>
      <c r="B161" s="106"/>
      <c r="D161" s="54"/>
      <c r="E161" s="54"/>
      <c r="F161" s="117"/>
      <c r="G161" s="116"/>
      <c r="I161" s="151"/>
      <c r="K161" s="54"/>
      <c r="L161" s="54"/>
      <c r="M161" s="117"/>
      <c r="N161" s="116"/>
    </row>
    <row r="162" spans="1:14" ht="15" customHeight="1" outlineLevel="1" x14ac:dyDescent="0.3">
      <c r="A162" s="156" t="s">
        <v>1753</v>
      </c>
      <c r="B162" s="106"/>
      <c r="D162" s="54"/>
      <c r="E162" s="54"/>
      <c r="F162" s="117"/>
      <c r="G162" s="116"/>
      <c r="I162" s="151"/>
      <c r="K162" s="54"/>
      <c r="L162" s="54"/>
      <c r="M162" s="117"/>
      <c r="N162" s="116"/>
    </row>
    <row r="163" spans="1:14" ht="15" customHeight="1" outlineLevel="1" x14ac:dyDescent="0.3">
      <c r="A163" s="156" t="s">
        <v>1754</v>
      </c>
      <c r="B163" s="106"/>
      <c r="D163" s="54"/>
      <c r="E163" s="54"/>
      <c r="F163" s="117"/>
      <c r="G163" s="116"/>
      <c r="I163" s="151"/>
      <c r="K163" s="54"/>
      <c r="L163" s="54"/>
      <c r="M163" s="117"/>
      <c r="N163" s="116"/>
    </row>
    <row r="164" spans="1:14" ht="15" customHeight="1" outlineLevel="1" x14ac:dyDescent="0.3">
      <c r="A164" s="156" t="s">
        <v>1755</v>
      </c>
      <c r="B164" s="151"/>
      <c r="D164" s="54"/>
      <c r="E164" s="54"/>
      <c r="F164" s="117"/>
      <c r="G164" s="116"/>
      <c r="I164" s="151"/>
      <c r="K164" s="54"/>
      <c r="L164" s="54"/>
      <c r="M164" s="117"/>
      <c r="N164" s="116"/>
    </row>
    <row r="165" spans="1:14" outlineLevel="1" x14ac:dyDescent="0.3">
      <c r="A165" s="156" t="s">
        <v>1756</v>
      </c>
      <c r="B165" s="140"/>
      <c r="C165" s="140"/>
      <c r="D165" s="140"/>
      <c r="E165" s="140"/>
      <c r="F165" s="117"/>
      <c r="G165" s="116"/>
      <c r="I165" s="115"/>
      <c r="J165" s="151"/>
      <c r="K165" s="54"/>
      <c r="L165" s="54"/>
      <c r="M165" s="114"/>
      <c r="N165" s="116"/>
    </row>
    <row r="166" spans="1:14" ht="15" customHeight="1" x14ac:dyDescent="0.3">
      <c r="A166" s="103"/>
      <c r="B166" s="149" t="s">
        <v>1757</v>
      </c>
      <c r="C166" s="103" t="s">
        <v>1600</v>
      </c>
      <c r="D166" s="103"/>
      <c r="E166" s="103"/>
      <c r="F166" s="80"/>
      <c r="G166" s="80"/>
      <c r="I166" s="113"/>
      <c r="J166" s="129"/>
      <c r="K166" s="129"/>
      <c r="L166" s="129"/>
      <c r="M166" s="94"/>
      <c r="N166" s="94"/>
    </row>
    <row r="167" spans="1:14" x14ac:dyDescent="0.3">
      <c r="A167" s="156" t="s">
        <v>1758</v>
      </c>
      <c r="B167" s="156" t="s">
        <v>1054</v>
      </c>
      <c r="C167" s="171">
        <v>0</v>
      </c>
      <c r="E167" s="128"/>
      <c r="F167" s="128"/>
      <c r="L167" s="128"/>
      <c r="M167" s="128"/>
    </row>
    <row r="168" spans="1:14" outlineLevel="1" x14ac:dyDescent="0.3">
      <c r="A168" s="156" t="s">
        <v>1759</v>
      </c>
      <c r="B168" s="114" t="s">
        <v>1056</v>
      </c>
      <c r="C168" s="173" t="s">
        <v>1057</v>
      </c>
      <c r="E168" s="128"/>
      <c r="F168" s="128"/>
      <c r="L168" s="128"/>
      <c r="M168" s="128"/>
    </row>
    <row r="169" spans="1:14" outlineLevel="1" x14ac:dyDescent="0.3">
      <c r="A169" s="156" t="s">
        <v>1760</v>
      </c>
      <c r="E169" s="128"/>
      <c r="F169" s="128"/>
      <c r="L169" s="128"/>
      <c r="M169" s="128"/>
    </row>
    <row r="170" spans="1:14" outlineLevel="1" x14ac:dyDescent="0.3">
      <c r="A170" s="156" t="s">
        <v>1761</v>
      </c>
      <c r="E170" s="128"/>
      <c r="F170" s="128"/>
      <c r="L170" s="128"/>
      <c r="M170" s="128"/>
    </row>
    <row r="171" spans="1:14" outlineLevel="1" x14ac:dyDescent="0.3">
      <c r="A171" s="156" t="s">
        <v>1762</v>
      </c>
      <c r="E171" s="128"/>
      <c r="F171" s="128"/>
      <c r="L171" s="128"/>
      <c r="M171" s="128"/>
    </row>
    <row r="172" spans="1:14" x14ac:dyDescent="0.3">
      <c r="A172" s="103"/>
      <c r="B172" s="79" t="s">
        <v>1763</v>
      </c>
      <c r="C172" s="103" t="s">
        <v>1600</v>
      </c>
      <c r="D172" s="103"/>
      <c r="E172" s="103"/>
      <c r="F172" s="80"/>
      <c r="G172" s="80"/>
      <c r="I172" s="113"/>
      <c r="J172" s="129"/>
      <c r="K172" s="129"/>
      <c r="L172" s="129"/>
      <c r="M172" s="94"/>
      <c r="N172" s="94"/>
    </row>
    <row r="173" spans="1:14" ht="15" customHeight="1" x14ac:dyDescent="0.3">
      <c r="A173" s="156" t="s">
        <v>1764</v>
      </c>
      <c r="B173" s="156" t="s">
        <v>1765</v>
      </c>
      <c r="C173" s="171">
        <v>0</v>
      </c>
    </row>
    <row r="174" spans="1:14" outlineLevel="1" x14ac:dyDescent="0.3">
      <c r="A174" s="156" t="s">
        <v>1766</v>
      </c>
    </row>
    <row r="175" spans="1:14" outlineLevel="1" x14ac:dyDescent="0.3">
      <c r="A175" s="156" t="s">
        <v>1767</v>
      </c>
    </row>
    <row r="176" spans="1:14" outlineLevel="1" x14ac:dyDescent="0.3">
      <c r="A176" s="156" t="s">
        <v>1768</v>
      </c>
    </row>
    <row r="177" spans="1:1" outlineLevel="1" x14ac:dyDescent="0.3">
      <c r="A177" s="156" t="s">
        <v>1769</v>
      </c>
    </row>
    <row r="178" spans="1:1" outlineLevel="1" x14ac:dyDescent="0.3">
      <c r="A178" s="156" t="s">
        <v>1770</v>
      </c>
    </row>
    <row r="179" spans="1:1" outlineLevel="1" x14ac:dyDescent="0.3">
      <c r="A179" s="156" t="s">
        <v>1771</v>
      </c>
    </row>
  </sheetData>
  <hyperlinks>
    <hyperlink ref="B6" r:id="rId1" location="'B2. HTT Public Sector Assets'!B8" xr:uid="{00000000-0004-0000-0600-000000000000}"/>
    <hyperlink ref="B129" location="'2. Harmonised Glossary'!A9" display="Breakdown by Interest Rate" xr:uid="{00000000-0004-0000-0600-000001000000}"/>
    <hyperlink ref="B166" location="'C. HTT Harmonised Glossary'!B19" display="9. Non-Performing Loans" xr:uid="{00000000-0004-0000-06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6600"/>
  </sheetPr>
  <dimension ref="A1:G211"/>
  <sheetViews>
    <sheetView zoomScale="80" zoomScaleNormal="80" workbookViewId="0">
      <selection activeCell="A2" sqref="A2"/>
    </sheetView>
  </sheetViews>
  <sheetFormatPr defaultColWidth="8.88671875" defaultRowHeight="14.4" outlineLevelRow="1" x14ac:dyDescent="0.3"/>
  <cols>
    <col min="1" max="1" width="10.6640625" style="156" customWidth="1"/>
    <col min="2" max="2" width="60.6640625" style="156" customWidth="1"/>
    <col min="3" max="4" width="40.6640625" style="156" customWidth="1"/>
    <col min="5" max="5" width="6.6640625" style="156" customWidth="1"/>
    <col min="6" max="6" width="40.6640625" style="156" customWidth="1"/>
    <col min="7" max="7" width="40.6640625" style="128" customWidth="1"/>
    <col min="8" max="8" width="8.88671875" style="140" customWidth="1"/>
    <col min="9" max="16384" width="8.88671875" style="140"/>
  </cols>
  <sheetData>
    <row r="1" spans="1:7" ht="31.5" customHeight="1" x14ac:dyDescent="0.3">
      <c r="A1" s="93" t="s">
        <v>1772</v>
      </c>
      <c r="B1" s="93"/>
      <c r="C1" s="128"/>
      <c r="D1" s="128"/>
      <c r="E1" s="128"/>
      <c r="F1" s="158" t="s">
        <v>272</v>
      </c>
    </row>
    <row r="2" spans="1:7" ht="15.75" customHeight="1" thickBot="1" x14ac:dyDescent="0.35">
      <c r="A2" s="128"/>
      <c r="B2" s="128"/>
      <c r="C2" s="128"/>
      <c r="D2" s="128"/>
      <c r="E2" s="128"/>
      <c r="F2" s="128"/>
    </row>
    <row r="3" spans="1:7" ht="19.5" customHeight="1" thickBot="1" x14ac:dyDescent="0.35">
      <c r="A3" s="96"/>
      <c r="B3" s="97" t="s">
        <v>273</v>
      </c>
      <c r="C3" s="166" t="s">
        <v>274</v>
      </c>
      <c r="D3" s="96"/>
      <c r="E3" s="96"/>
      <c r="F3" s="96"/>
      <c r="G3" s="96"/>
    </row>
    <row r="4" spans="1:7" ht="15.75" customHeight="1" thickBot="1" x14ac:dyDescent="0.35"/>
    <row r="5" spans="1:7" ht="19.5" customHeight="1" thickBot="1" x14ac:dyDescent="0.35">
      <c r="A5" s="101"/>
      <c r="B5" s="55" t="s">
        <v>1773</v>
      </c>
      <c r="C5" s="101"/>
      <c r="E5" s="145"/>
      <c r="F5" s="145"/>
    </row>
    <row r="6" spans="1:7" ht="15.75" customHeight="1" thickBot="1" x14ac:dyDescent="0.35">
      <c r="B6" s="167" t="s">
        <v>1774</v>
      </c>
    </row>
    <row r="7" spans="1:7" x14ac:dyDescent="0.3">
      <c r="B7" s="162"/>
    </row>
    <row r="8" spans="1:7" ht="37.5" customHeight="1" x14ac:dyDescent="0.3">
      <c r="A8" s="163" t="s">
        <v>283</v>
      </c>
      <c r="B8" s="163" t="s">
        <v>1774</v>
      </c>
      <c r="C8" s="77"/>
      <c r="D8" s="77"/>
      <c r="E8" s="77"/>
      <c r="F8" s="77"/>
      <c r="G8" s="78"/>
    </row>
    <row r="9" spans="1:7" ht="15" customHeight="1" x14ac:dyDescent="0.3">
      <c r="A9" s="103"/>
      <c r="B9" s="79" t="s">
        <v>1588</v>
      </c>
      <c r="C9" s="103" t="s">
        <v>1775</v>
      </c>
      <c r="D9" s="103"/>
      <c r="E9" s="81"/>
      <c r="F9" s="103"/>
      <c r="G9" s="80"/>
    </row>
    <row r="10" spans="1:7" x14ac:dyDescent="0.3">
      <c r="A10" s="156" t="s">
        <v>1776</v>
      </c>
      <c r="B10" s="156" t="s">
        <v>1777</v>
      </c>
      <c r="C10" s="169">
        <v>0</v>
      </c>
    </row>
    <row r="11" spans="1:7" outlineLevel="1" x14ac:dyDescent="0.3">
      <c r="A11" s="156" t="s">
        <v>1778</v>
      </c>
      <c r="B11" s="104" t="s">
        <v>850</v>
      </c>
      <c r="C11" s="147"/>
    </row>
    <row r="12" spans="1:7" outlineLevel="1" x14ac:dyDescent="0.3">
      <c r="A12" s="156" t="s">
        <v>1779</v>
      </c>
      <c r="B12" s="104" t="s">
        <v>852</v>
      </c>
      <c r="C12" s="147"/>
    </row>
    <row r="13" spans="1:7" outlineLevel="1" x14ac:dyDescent="0.3">
      <c r="A13" s="156" t="s">
        <v>1780</v>
      </c>
      <c r="B13" s="104"/>
    </row>
    <row r="14" spans="1:7" outlineLevel="1" x14ac:dyDescent="0.3">
      <c r="A14" s="156" t="s">
        <v>1781</v>
      </c>
      <c r="B14" s="104"/>
    </row>
    <row r="15" spans="1:7" outlineLevel="1" x14ac:dyDescent="0.3">
      <c r="A15" s="156" t="s">
        <v>1782</v>
      </c>
      <c r="B15" s="104"/>
    </row>
    <row r="16" spans="1:7" outlineLevel="1" x14ac:dyDescent="0.3">
      <c r="A16" s="156" t="s">
        <v>1783</v>
      </c>
      <c r="B16" s="104"/>
    </row>
    <row r="17" spans="1:7" ht="15" customHeight="1" x14ac:dyDescent="0.3">
      <c r="A17" s="103"/>
      <c r="B17" s="79" t="s">
        <v>1784</v>
      </c>
      <c r="C17" s="103" t="s">
        <v>1785</v>
      </c>
      <c r="D17" s="103"/>
      <c r="E17" s="81"/>
      <c r="F17" s="80"/>
      <c r="G17" s="80"/>
    </row>
    <row r="18" spans="1:7" x14ac:dyDescent="0.3">
      <c r="A18" s="156" t="s">
        <v>1786</v>
      </c>
      <c r="B18" s="156" t="s">
        <v>861</v>
      </c>
      <c r="C18" s="171">
        <v>0</v>
      </c>
    </row>
    <row r="19" spans="1:7" outlineLevel="1" x14ac:dyDescent="0.3">
      <c r="A19" s="156" t="s">
        <v>1787</v>
      </c>
      <c r="C19" s="173"/>
    </row>
    <row r="20" spans="1:7" outlineLevel="1" x14ac:dyDescent="0.3">
      <c r="A20" s="156" t="s">
        <v>1788</v>
      </c>
      <c r="C20" s="173"/>
    </row>
    <row r="21" spans="1:7" outlineLevel="1" x14ac:dyDescent="0.3">
      <c r="A21" s="156" t="s">
        <v>1789</v>
      </c>
      <c r="C21" s="173"/>
    </row>
    <row r="22" spans="1:7" outlineLevel="1" x14ac:dyDescent="0.3">
      <c r="A22" s="156" t="s">
        <v>1790</v>
      </c>
      <c r="C22" s="173"/>
    </row>
    <row r="23" spans="1:7" outlineLevel="1" x14ac:dyDescent="0.3">
      <c r="A23" s="156" t="s">
        <v>1791</v>
      </c>
      <c r="C23" s="173"/>
    </row>
    <row r="24" spans="1:7" outlineLevel="1" x14ac:dyDescent="0.3">
      <c r="A24" s="156" t="s">
        <v>1792</v>
      </c>
      <c r="C24" s="173"/>
    </row>
    <row r="25" spans="1:7" ht="15" customHeight="1" x14ac:dyDescent="0.3">
      <c r="A25" s="103"/>
      <c r="B25" s="79" t="s">
        <v>1793</v>
      </c>
      <c r="C25" s="103" t="s">
        <v>1785</v>
      </c>
      <c r="D25" s="103"/>
      <c r="E25" s="81"/>
      <c r="F25" s="80"/>
      <c r="G25" s="80"/>
    </row>
    <row r="26" spans="1:7" x14ac:dyDescent="0.3">
      <c r="A26" s="156" t="s">
        <v>1794</v>
      </c>
      <c r="B26" s="107" t="s">
        <v>870</v>
      </c>
      <c r="C26" s="173">
        <f>SUM(C27:C53)</f>
        <v>0</v>
      </c>
      <c r="D26" s="107"/>
      <c r="F26" s="107"/>
      <c r="G26" s="156"/>
    </row>
    <row r="27" spans="1:7" x14ac:dyDescent="0.3">
      <c r="A27" s="156" t="s">
        <v>1795</v>
      </c>
      <c r="B27" s="156" t="s">
        <v>872</v>
      </c>
      <c r="C27" s="171">
        <v>0</v>
      </c>
      <c r="D27" s="107"/>
      <c r="F27" s="107"/>
      <c r="G27" s="156"/>
    </row>
    <row r="28" spans="1:7" x14ac:dyDescent="0.3">
      <c r="A28" s="156" t="s">
        <v>1796</v>
      </c>
      <c r="B28" s="156" t="s">
        <v>874</v>
      </c>
      <c r="C28" s="171">
        <v>0</v>
      </c>
      <c r="D28" s="107"/>
      <c r="F28" s="107"/>
      <c r="G28" s="156"/>
    </row>
    <row r="29" spans="1:7" x14ac:dyDescent="0.3">
      <c r="A29" s="156" t="s">
        <v>1797</v>
      </c>
      <c r="B29" s="156" t="s">
        <v>876</v>
      </c>
      <c r="C29" s="171">
        <v>0</v>
      </c>
      <c r="D29" s="107"/>
      <c r="F29" s="107"/>
      <c r="G29" s="156"/>
    </row>
    <row r="30" spans="1:7" x14ac:dyDescent="0.3">
      <c r="A30" s="156" t="s">
        <v>1798</v>
      </c>
      <c r="B30" s="156" t="s">
        <v>878</v>
      </c>
      <c r="C30" s="171">
        <v>0</v>
      </c>
      <c r="D30" s="107"/>
      <c r="F30" s="107"/>
      <c r="G30" s="156"/>
    </row>
    <row r="31" spans="1:7" x14ac:dyDescent="0.3">
      <c r="A31" s="156" t="s">
        <v>1799</v>
      </c>
      <c r="B31" s="156" t="s">
        <v>880</v>
      </c>
      <c r="C31" s="171">
        <v>0</v>
      </c>
      <c r="D31" s="107"/>
      <c r="F31" s="107"/>
      <c r="G31" s="156"/>
    </row>
    <row r="32" spans="1:7" x14ac:dyDescent="0.3">
      <c r="A32" s="156" t="s">
        <v>1800</v>
      </c>
      <c r="B32" s="156" t="s">
        <v>882</v>
      </c>
      <c r="C32" s="171">
        <v>0</v>
      </c>
      <c r="D32" s="107"/>
      <c r="F32" s="107"/>
      <c r="G32" s="156"/>
    </row>
    <row r="33" spans="1:7" x14ac:dyDescent="0.3">
      <c r="A33" s="156" t="s">
        <v>1801</v>
      </c>
      <c r="B33" s="156" t="s">
        <v>884</v>
      </c>
      <c r="C33" s="171">
        <v>0</v>
      </c>
      <c r="D33" s="107"/>
      <c r="F33" s="107"/>
      <c r="G33" s="156"/>
    </row>
    <row r="34" spans="1:7" x14ac:dyDescent="0.3">
      <c r="A34" s="156" t="s">
        <v>1802</v>
      </c>
      <c r="B34" s="156" t="s">
        <v>886</v>
      </c>
      <c r="C34" s="171">
        <v>0</v>
      </c>
      <c r="D34" s="107"/>
      <c r="F34" s="107"/>
      <c r="G34" s="156"/>
    </row>
    <row r="35" spans="1:7" x14ac:dyDescent="0.3">
      <c r="A35" s="156" t="s">
        <v>1803</v>
      </c>
      <c r="B35" s="156" t="s">
        <v>888</v>
      </c>
      <c r="C35" s="171">
        <v>0</v>
      </c>
      <c r="D35" s="107"/>
      <c r="F35" s="107"/>
      <c r="G35" s="156"/>
    </row>
    <row r="36" spans="1:7" x14ac:dyDescent="0.3">
      <c r="A36" s="156" t="s">
        <v>1804</v>
      </c>
      <c r="B36" s="156" t="s">
        <v>890</v>
      </c>
      <c r="C36" s="171">
        <v>0</v>
      </c>
      <c r="D36" s="107"/>
      <c r="F36" s="107"/>
      <c r="G36" s="156"/>
    </row>
    <row r="37" spans="1:7" x14ac:dyDescent="0.3">
      <c r="A37" s="156" t="s">
        <v>1805</v>
      </c>
      <c r="B37" s="156" t="s">
        <v>892</v>
      </c>
      <c r="C37" s="171">
        <v>0</v>
      </c>
      <c r="D37" s="107"/>
      <c r="F37" s="107"/>
      <c r="G37" s="156"/>
    </row>
    <row r="38" spans="1:7" x14ac:dyDescent="0.3">
      <c r="A38" s="156" t="s">
        <v>1806</v>
      </c>
      <c r="B38" s="156" t="s">
        <v>894</v>
      </c>
      <c r="C38" s="171">
        <v>0</v>
      </c>
      <c r="D38" s="107"/>
      <c r="F38" s="107"/>
      <c r="G38" s="156"/>
    </row>
    <row r="39" spans="1:7" x14ac:dyDescent="0.3">
      <c r="A39" s="156" t="s">
        <v>1807</v>
      </c>
      <c r="B39" s="156" t="s">
        <v>896</v>
      </c>
      <c r="C39" s="171">
        <v>0</v>
      </c>
      <c r="D39" s="107"/>
      <c r="F39" s="107"/>
      <c r="G39" s="156"/>
    </row>
    <row r="40" spans="1:7" x14ac:dyDescent="0.3">
      <c r="A40" s="156" t="s">
        <v>1808</v>
      </c>
      <c r="B40" s="156" t="s">
        <v>898</v>
      </c>
      <c r="C40" s="171">
        <v>0</v>
      </c>
      <c r="D40" s="107"/>
      <c r="F40" s="107"/>
      <c r="G40" s="156"/>
    </row>
    <row r="41" spans="1:7" x14ac:dyDescent="0.3">
      <c r="A41" s="156" t="s">
        <v>1809</v>
      </c>
      <c r="B41" s="156" t="s">
        <v>900</v>
      </c>
      <c r="C41" s="171">
        <v>0</v>
      </c>
      <c r="D41" s="107"/>
      <c r="F41" s="107"/>
      <c r="G41" s="156"/>
    </row>
    <row r="42" spans="1:7" x14ac:dyDescent="0.3">
      <c r="A42" s="156" t="s">
        <v>1810</v>
      </c>
      <c r="B42" s="156" t="s">
        <v>902</v>
      </c>
      <c r="C42" s="171">
        <v>0</v>
      </c>
      <c r="D42" s="107"/>
      <c r="F42" s="107"/>
      <c r="G42" s="156"/>
    </row>
    <row r="43" spans="1:7" x14ac:dyDescent="0.3">
      <c r="A43" s="156" t="s">
        <v>1811</v>
      </c>
      <c r="B43" s="156" t="s">
        <v>904</v>
      </c>
      <c r="C43" s="171">
        <v>0</v>
      </c>
      <c r="D43" s="107"/>
      <c r="F43" s="107"/>
      <c r="G43" s="156"/>
    </row>
    <row r="44" spans="1:7" x14ac:dyDescent="0.3">
      <c r="A44" s="156" t="s">
        <v>1812</v>
      </c>
      <c r="B44" s="156" t="s">
        <v>906</v>
      </c>
      <c r="C44" s="171">
        <v>0</v>
      </c>
      <c r="D44" s="107"/>
      <c r="F44" s="107"/>
      <c r="G44" s="156"/>
    </row>
    <row r="45" spans="1:7" x14ac:dyDescent="0.3">
      <c r="A45" s="156" t="s">
        <v>1813</v>
      </c>
      <c r="B45" s="156" t="s">
        <v>908</v>
      </c>
      <c r="C45" s="171">
        <v>0</v>
      </c>
      <c r="D45" s="107"/>
      <c r="F45" s="107"/>
      <c r="G45" s="156"/>
    </row>
    <row r="46" spans="1:7" x14ac:dyDescent="0.3">
      <c r="A46" s="156" t="s">
        <v>1814</v>
      </c>
      <c r="B46" s="156" t="s">
        <v>910</v>
      </c>
      <c r="C46" s="171">
        <v>0</v>
      </c>
      <c r="D46" s="107"/>
      <c r="F46" s="107"/>
      <c r="G46" s="156"/>
    </row>
    <row r="47" spans="1:7" x14ac:dyDescent="0.3">
      <c r="A47" s="156" t="s">
        <v>1815</v>
      </c>
      <c r="B47" s="156" t="s">
        <v>912</v>
      </c>
      <c r="C47" s="171">
        <v>0</v>
      </c>
      <c r="D47" s="107"/>
      <c r="F47" s="107"/>
      <c r="G47" s="156"/>
    </row>
    <row r="48" spans="1:7" x14ac:dyDescent="0.3">
      <c r="A48" s="156" t="s">
        <v>1816</v>
      </c>
      <c r="B48" s="156" t="s">
        <v>914</v>
      </c>
      <c r="C48" s="171">
        <v>0</v>
      </c>
      <c r="D48" s="107"/>
      <c r="F48" s="107"/>
      <c r="G48" s="156"/>
    </row>
    <row r="49" spans="1:7" x14ac:dyDescent="0.3">
      <c r="A49" s="156" t="s">
        <v>1817</v>
      </c>
      <c r="B49" s="156" t="s">
        <v>916</v>
      </c>
      <c r="C49" s="171">
        <v>0</v>
      </c>
      <c r="D49" s="107"/>
      <c r="F49" s="107"/>
      <c r="G49" s="156"/>
    </row>
    <row r="50" spans="1:7" x14ac:dyDescent="0.3">
      <c r="A50" s="156" t="s">
        <v>1818</v>
      </c>
      <c r="B50" s="156" t="s">
        <v>918</v>
      </c>
      <c r="C50" s="171">
        <v>0</v>
      </c>
      <c r="D50" s="107"/>
      <c r="F50" s="107"/>
      <c r="G50" s="156"/>
    </row>
    <row r="51" spans="1:7" x14ac:dyDescent="0.3">
      <c r="A51" s="156" t="s">
        <v>1819</v>
      </c>
      <c r="B51" s="156" t="s">
        <v>920</v>
      </c>
      <c r="C51" s="171">
        <v>0</v>
      </c>
      <c r="D51" s="107"/>
      <c r="F51" s="107"/>
      <c r="G51" s="156"/>
    </row>
    <row r="52" spans="1:7" x14ac:dyDescent="0.3">
      <c r="A52" s="156" t="s">
        <v>1820</v>
      </c>
      <c r="B52" s="156" t="s">
        <v>922</v>
      </c>
      <c r="C52" s="171">
        <v>0</v>
      </c>
      <c r="D52" s="107"/>
      <c r="F52" s="107"/>
      <c r="G52" s="156"/>
    </row>
    <row r="53" spans="1:7" x14ac:dyDescent="0.3">
      <c r="A53" s="156" t="s">
        <v>1821</v>
      </c>
      <c r="B53" s="156" t="s">
        <v>286</v>
      </c>
      <c r="C53" s="171">
        <v>0</v>
      </c>
      <c r="D53" s="107"/>
      <c r="F53" s="107"/>
      <c r="G53" s="156"/>
    </row>
    <row r="54" spans="1:7" x14ac:dyDescent="0.3">
      <c r="A54" s="156" t="s">
        <v>1822</v>
      </c>
      <c r="B54" s="107" t="s">
        <v>565</v>
      </c>
      <c r="C54" s="189">
        <f>SUM(C55:C57)</f>
        <v>0</v>
      </c>
      <c r="D54" s="107"/>
      <c r="F54" s="107"/>
      <c r="G54" s="156"/>
    </row>
    <row r="55" spans="1:7" x14ac:dyDescent="0.3">
      <c r="A55" s="156" t="s">
        <v>1823</v>
      </c>
      <c r="B55" s="156" t="s">
        <v>926</v>
      </c>
      <c r="C55" s="171">
        <v>0</v>
      </c>
      <c r="D55" s="107"/>
      <c r="F55" s="107"/>
      <c r="G55" s="156"/>
    </row>
    <row r="56" spans="1:7" x14ac:dyDescent="0.3">
      <c r="A56" s="156" t="s">
        <v>1824</v>
      </c>
      <c r="B56" s="156" t="s">
        <v>928</v>
      </c>
      <c r="C56" s="171">
        <v>0</v>
      </c>
      <c r="D56" s="107"/>
      <c r="F56" s="107"/>
      <c r="G56" s="156"/>
    </row>
    <row r="57" spans="1:7" x14ac:dyDescent="0.3">
      <c r="A57" s="156" t="s">
        <v>1825</v>
      </c>
      <c r="B57" s="156" t="s">
        <v>930</v>
      </c>
      <c r="C57" s="171">
        <v>0</v>
      </c>
      <c r="D57" s="107"/>
      <c r="F57" s="107"/>
      <c r="G57" s="156"/>
    </row>
    <row r="58" spans="1:7" x14ac:dyDescent="0.3">
      <c r="A58" s="156" t="s">
        <v>1826</v>
      </c>
      <c r="B58" s="107" t="s">
        <v>364</v>
      </c>
      <c r="C58" s="189">
        <f>SUM(C59:C69)</f>
        <v>0</v>
      </c>
      <c r="D58" s="107"/>
      <c r="F58" s="107"/>
      <c r="G58" s="156"/>
    </row>
    <row r="59" spans="1:7" x14ac:dyDescent="0.3">
      <c r="A59" s="156" t="s">
        <v>1827</v>
      </c>
      <c r="B59" s="151" t="s">
        <v>567</v>
      </c>
      <c r="C59" s="171">
        <v>0</v>
      </c>
      <c r="D59" s="107"/>
      <c r="F59" s="107"/>
      <c r="G59" s="156"/>
    </row>
    <row r="60" spans="1:7" x14ac:dyDescent="0.3">
      <c r="A60" s="156" t="s">
        <v>1828</v>
      </c>
      <c r="B60" s="156" t="s">
        <v>934</v>
      </c>
      <c r="C60" s="171">
        <v>0</v>
      </c>
      <c r="D60" s="107"/>
      <c r="F60" s="107"/>
      <c r="G60" s="156"/>
    </row>
    <row r="61" spans="1:7" x14ac:dyDescent="0.3">
      <c r="A61" s="156" t="s">
        <v>1829</v>
      </c>
      <c r="B61" s="151" t="s">
        <v>569</v>
      </c>
      <c r="C61" s="171">
        <v>0</v>
      </c>
      <c r="D61" s="107"/>
      <c r="F61" s="107"/>
      <c r="G61" s="156"/>
    </row>
    <row r="62" spans="1:7" x14ac:dyDescent="0.3">
      <c r="A62" s="156" t="s">
        <v>1830</v>
      </c>
      <c r="B62" s="151" t="s">
        <v>571</v>
      </c>
      <c r="C62" s="171">
        <v>0</v>
      </c>
      <c r="D62" s="107"/>
      <c r="F62" s="107"/>
      <c r="G62" s="156"/>
    </row>
    <row r="63" spans="1:7" x14ac:dyDescent="0.3">
      <c r="A63" s="156" t="s">
        <v>1831</v>
      </c>
      <c r="B63" s="151" t="s">
        <v>573</v>
      </c>
      <c r="C63" s="171">
        <v>0</v>
      </c>
      <c r="D63" s="107"/>
      <c r="F63" s="107"/>
      <c r="G63" s="156"/>
    </row>
    <row r="64" spans="1:7" x14ac:dyDescent="0.3">
      <c r="A64" s="156" t="s">
        <v>1832</v>
      </c>
      <c r="B64" s="151" t="s">
        <v>575</v>
      </c>
      <c r="C64" s="171">
        <v>0</v>
      </c>
      <c r="D64" s="107"/>
      <c r="F64" s="107"/>
      <c r="G64" s="156"/>
    </row>
    <row r="65" spans="1:7" x14ac:dyDescent="0.3">
      <c r="A65" s="156" t="s">
        <v>1833</v>
      </c>
      <c r="B65" s="151" t="s">
        <v>577</v>
      </c>
      <c r="C65" s="171">
        <v>0</v>
      </c>
      <c r="D65" s="107"/>
      <c r="F65" s="107"/>
      <c r="G65" s="156"/>
    </row>
    <row r="66" spans="1:7" x14ac:dyDescent="0.3">
      <c r="A66" s="156" t="s">
        <v>1834</v>
      </c>
      <c r="B66" s="151" t="s">
        <v>579</v>
      </c>
      <c r="C66" s="171">
        <v>0</v>
      </c>
      <c r="D66" s="107"/>
      <c r="F66" s="107"/>
      <c r="G66" s="156"/>
    </row>
    <row r="67" spans="1:7" x14ac:dyDescent="0.3">
      <c r="A67" s="156" t="s">
        <v>1835</v>
      </c>
      <c r="B67" s="151" t="s">
        <v>581</v>
      </c>
      <c r="C67" s="171">
        <v>0</v>
      </c>
      <c r="D67" s="107"/>
      <c r="F67" s="107"/>
      <c r="G67" s="156"/>
    </row>
    <row r="68" spans="1:7" x14ac:dyDescent="0.3">
      <c r="A68" s="156" t="s">
        <v>1836</v>
      </c>
      <c r="B68" s="151" t="s">
        <v>583</v>
      </c>
      <c r="C68" s="171">
        <v>0</v>
      </c>
      <c r="D68" s="107"/>
      <c r="F68" s="107"/>
      <c r="G68" s="156"/>
    </row>
    <row r="69" spans="1:7" x14ac:dyDescent="0.3">
      <c r="A69" s="156" t="s">
        <v>1837</v>
      </c>
      <c r="B69" s="151" t="s">
        <v>364</v>
      </c>
      <c r="C69" s="171">
        <v>0</v>
      </c>
      <c r="D69" s="107"/>
      <c r="F69" s="107"/>
      <c r="G69" s="156"/>
    </row>
    <row r="70" spans="1:7" outlineLevel="1" x14ac:dyDescent="0.3">
      <c r="A70" s="156" t="s">
        <v>1838</v>
      </c>
      <c r="B70" s="106" t="s">
        <v>368</v>
      </c>
      <c r="C70" s="173"/>
      <c r="G70" s="156"/>
    </row>
    <row r="71" spans="1:7" outlineLevel="1" x14ac:dyDescent="0.3">
      <c r="A71" s="156" t="s">
        <v>1839</v>
      </c>
      <c r="B71" s="106" t="s">
        <v>368</v>
      </c>
      <c r="C71" s="173"/>
      <c r="G71" s="156"/>
    </row>
    <row r="72" spans="1:7" outlineLevel="1" x14ac:dyDescent="0.3">
      <c r="A72" s="156" t="s">
        <v>1840</v>
      </c>
      <c r="B72" s="106" t="s">
        <v>368</v>
      </c>
      <c r="C72" s="173"/>
      <c r="G72" s="156"/>
    </row>
    <row r="73" spans="1:7" outlineLevel="1" x14ac:dyDescent="0.3">
      <c r="A73" s="156" t="s">
        <v>1841</v>
      </c>
      <c r="B73" s="106" t="s">
        <v>368</v>
      </c>
      <c r="C73" s="173"/>
      <c r="G73" s="156"/>
    </row>
    <row r="74" spans="1:7" outlineLevel="1" x14ac:dyDescent="0.3">
      <c r="A74" s="156" t="s">
        <v>1842</v>
      </c>
      <c r="B74" s="106" t="s">
        <v>368</v>
      </c>
      <c r="C74" s="173"/>
      <c r="G74" s="156"/>
    </row>
    <row r="75" spans="1:7" outlineLevel="1" x14ac:dyDescent="0.3">
      <c r="A75" s="156" t="s">
        <v>1843</v>
      </c>
      <c r="B75" s="106" t="s">
        <v>368</v>
      </c>
      <c r="C75" s="173"/>
      <c r="G75" s="156"/>
    </row>
    <row r="76" spans="1:7" outlineLevel="1" x14ac:dyDescent="0.3">
      <c r="A76" s="156" t="s">
        <v>1844</v>
      </c>
      <c r="B76" s="106" t="s">
        <v>368</v>
      </c>
      <c r="C76" s="173"/>
      <c r="G76" s="156"/>
    </row>
    <row r="77" spans="1:7" outlineLevel="1" x14ac:dyDescent="0.3">
      <c r="A77" s="156" t="s">
        <v>1845</v>
      </c>
      <c r="B77" s="106" t="s">
        <v>368</v>
      </c>
      <c r="C77" s="173"/>
      <c r="G77" s="156"/>
    </row>
    <row r="78" spans="1:7" outlineLevel="1" x14ac:dyDescent="0.3">
      <c r="A78" s="156" t="s">
        <v>1846</v>
      </c>
      <c r="B78" s="106" t="s">
        <v>368</v>
      </c>
      <c r="C78" s="173"/>
      <c r="G78" s="156"/>
    </row>
    <row r="79" spans="1:7" outlineLevel="1" x14ac:dyDescent="0.3">
      <c r="A79" s="156" t="s">
        <v>1847</v>
      </c>
      <c r="B79" s="106" t="s">
        <v>368</v>
      </c>
      <c r="C79" s="173"/>
      <c r="G79" s="156"/>
    </row>
    <row r="80" spans="1:7" ht="15" customHeight="1" x14ac:dyDescent="0.3">
      <c r="A80" s="103"/>
      <c r="B80" s="79" t="s">
        <v>1848</v>
      </c>
      <c r="C80" s="103" t="s">
        <v>1785</v>
      </c>
      <c r="D80" s="103"/>
      <c r="E80" s="81"/>
      <c r="F80" s="80"/>
      <c r="G80" s="80"/>
    </row>
    <row r="81" spans="1:7" x14ac:dyDescent="0.3">
      <c r="A81" s="156" t="s">
        <v>1849</v>
      </c>
      <c r="B81" s="156" t="s">
        <v>1015</v>
      </c>
      <c r="C81" s="171">
        <v>0</v>
      </c>
      <c r="E81" s="128"/>
    </row>
    <row r="82" spans="1:7" x14ac:dyDescent="0.3">
      <c r="A82" s="156" t="s">
        <v>1850</v>
      </c>
      <c r="B82" s="156" t="s">
        <v>1017</v>
      </c>
      <c r="C82" s="171">
        <v>0</v>
      </c>
      <c r="E82" s="128"/>
    </row>
    <row r="83" spans="1:7" x14ac:dyDescent="0.3">
      <c r="A83" s="156" t="s">
        <v>1851</v>
      </c>
      <c r="B83" s="156" t="s">
        <v>364</v>
      </c>
      <c r="C83" s="171">
        <v>0</v>
      </c>
      <c r="E83" s="128"/>
    </row>
    <row r="84" spans="1:7" outlineLevel="1" x14ac:dyDescent="0.3">
      <c r="A84" s="156" t="s">
        <v>1852</v>
      </c>
      <c r="C84" s="173"/>
      <c r="E84" s="128"/>
    </row>
    <row r="85" spans="1:7" outlineLevel="1" x14ac:dyDescent="0.3">
      <c r="A85" s="156" t="s">
        <v>1853</v>
      </c>
      <c r="C85" s="173"/>
      <c r="E85" s="128"/>
    </row>
    <row r="86" spans="1:7" outlineLevel="1" x14ac:dyDescent="0.3">
      <c r="A86" s="156" t="s">
        <v>1854</v>
      </c>
      <c r="C86" s="173"/>
      <c r="E86" s="128"/>
    </row>
    <row r="87" spans="1:7" outlineLevel="1" x14ac:dyDescent="0.3">
      <c r="A87" s="156" t="s">
        <v>1855</v>
      </c>
      <c r="C87" s="173"/>
      <c r="E87" s="128"/>
    </row>
    <row r="88" spans="1:7" outlineLevel="1" x14ac:dyDescent="0.3">
      <c r="A88" s="156" t="s">
        <v>1856</v>
      </c>
      <c r="C88" s="173"/>
      <c r="E88" s="128"/>
    </row>
    <row r="89" spans="1:7" outlineLevel="1" x14ac:dyDescent="0.3">
      <c r="A89" s="156" t="s">
        <v>1857</v>
      </c>
      <c r="C89" s="173"/>
      <c r="E89" s="128"/>
    </row>
    <row r="90" spans="1:7" ht="15" customHeight="1" x14ac:dyDescent="0.3">
      <c r="A90" s="103"/>
      <c r="B90" s="79" t="s">
        <v>1858</v>
      </c>
      <c r="C90" s="103" t="s">
        <v>1785</v>
      </c>
      <c r="D90" s="103"/>
      <c r="E90" s="81"/>
      <c r="F90" s="80"/>
      <c r="G90" s="80"/>
    </row>
    <row r="91" spans="1:7" x14ac:dyDescent="0.3">
      <c r="A91" s="156" t="s">
        <v>1859</v>
      </c>
      <c r="B91" s="156" t="s">
        <v>1027</v>
      </c>
      <c r="C91" s="171">
        <v>0</v>
      </c>
      <c r="E91" s="128"/>
    </row>
    <row r="92" spans="1:7" x14ac:dyDescent="0.3">
      <c r="A92" s="156" t="s">
        <v>1860</v>
      </c>
      <c r="B92" s="156" t="s">
        <v>1029</v>
      </c>
      <c r="C92" s="171">
        <v>0</v>
      </c>
      <c r="E92" s="128"/>
    </row>
    <row r="93" spans="1:7" x14ac:dyDescent="0.3">
      <c r="A93" s="156" t="s">
        <v>1861</v>
      </c>
      <c r="B93" s="156" t="s">
        <v>364</v>
      </c>
      <c r="C93" s="171">
        <v>0</v>
      </c>
      <c r="E93" s="128"/>
    </row>
    <row r="94" spans="1:7" outlineLevel="1" x14ac:dyDescent="0.3">
      <c r="A94" s="156" t="s">
        <v>1862</v>
      </c>
      <c r="C94" s="173"/>
      <c r="E94" s="128"/>
    </row>
    <row r="95" spans="1:7" outlineLevel="1" x14ac:dyDescent="0.3">
      <c r="A95" s="156" t="s">
        <v>1863</v>
      </c>
      <c r="C95" s="173"/>
      <c r="E95" s="128"/>
    </row>
    <row r="96" spans="1:7" outlineLevel="1" x14ac:dyDescent="0.3">
      <c r="A96" s="156" t="s">
        <v>1864</v>
      </c>
      <c r="C96" s="173"/>
      <c r="E96" s="128"/>
    </row>
    <row r="97" spans="1:7" outlineLevel="1" x14ac:dyDescent="0.3">
      <c r="A97" s="156" t="s">
        <v>1865</v>
      </c>
      <c r="C97" s="173"/>
      <c r="E97" s="128"/>
    </row>
    <row r="98" spans="1:7" outlineLevel="1" x14ac:dyDescent="0.3">
      <c r="A98" s="156" t="s">
        <v>1866</v>
      </c>
      <c r="C98" s="173"/>
      <c r="E98" s="128"/>
    </row>
    <row r="99" spans="1:7" outlineLevel="1" x14ac:dyDescent="0.3">
      <c r="A99" s="156" t="s">
        <v>1867</v>
      </c>
      <c r="C99" s="173"/>
      <c r="E99" s="128"/>
    </row>
    <row r="100" spans="1:7" ht="15" customHeight="1" x14ac:dyDescent="0.3">
      <c r="A100" s="103"/>
      <c r="B100" s="79" t="s">
        <v>1868</v>
      </c>
      <c r="C100" s="103" t="s">
        <v>1785</v>
      </c>
      <c r="D100" s="103"/>
      <c r="E100" s="81"/>
      <c r="F100" s="80"/>
      <c r="G100" s="80"/>
    </row>
    <row r="101" spans="1:7" x14ac:dyDescent="0.3">
      <c r="A101" s="156" t="s">
        <v>1869</v>
      </c>
      <c r="B101" s="108" t="s">
        <v>1039</v>
      </c>
      <c r="C101" s="171">
        <v>0</v>
      </c>
      <c r="E101" s="128"/>
    </row>
    <row r="102" spans="1:7" x14ac:dyDescent="0.3">
      <c r="A102" s="156" t="s">
        <v>1870</v>
      </c>
      <c r="B102" s="108" t="s">
        <v>1041</v>
      </c>
      <c r="C102" s="171">
        <v>0</v>
      </c>
      <c r="E102" s="128"/>
    </row>
    <row r="103" spans="1:7" x14ac:dyDescent="0.3">
      <c r="A103" s="156" t="s">
        <v>1871</v>
      </c>
      <c r="B103" s="108" t="s">
        <v>1043</v>
      </c>
      <c r="C103" s="171">
        <v>0</v>
      </c>
    </row>
    <row r="104" spans="1:7" x14ac:dyDescent="0.3">
      <c r="A104" s="156" t="s">
        <v>1872</v>
      </c>
      <c r="B104" s="108" t="s">
        <v>1045</v>
      </c>
      <c r="C104" s="171">
        <v>0</v>
      </c>
    </row>
    <row r="105" spans="1:7" x14ac:dyDescent="0.3">
      <c r="A105" s="156" t="s">
        <v>1873</v>
      </c>
      <c r="B105" s="108" t="s">
        <v>1047</v>
      </c>
      <c r="C105" s="171">
        <v>0</v>
      </c>
    </row>
    <row r="106" spans="1:7" outlineLevel="1" x14ac:dyDescent="0.3">
      <c r="A106" s="156" t="s">
        <v>1874</v>
      </c>
      <c r="B106" s="108"/>
      <c r="C106" s="173"/>
    </row>
    <row r="107" spans="1:7" outlineLevel="1" x14ac:dyDescent="0.3">
      <c r="A107" s="156" t="s">
        <v>1875</v>
      </c>
      <c r="B107" s="108"/>
      <c r="C107" s="173"/>
    </row>
    <row r="108" spans="1:7" outlineLevel="1" x14ac:dyDescent="0.3">
      <c r="A108" s="156" t="s">
        <v>1876</v>
      </c>
      <c r="B108" s="108"/>
      <c r="C108" s="173"/>
    </row>
    <row r="109" spans="1:7" outlineLevel="1" x14ac:dyDescent="0.3">
      <c r="A109" s="156" t="s">
        <v>1877</v>
      </c>
      <c r="B109" s="108"/>
      <c r="C109" s="173"/>
    </row>
    <row r="110" spans="1:7" ht="15" customHeight="1" x14ac:dyDescent="0.3">
      <c r="A110" s="103"/>
      <c r="B110" s="103" t="s">
        <v>1878</v>
      </c>
      <c r="C110" s="103" t="s">
        <v>1785</v>
      </c>
      <c r="D110" s="103"/>
      <c r="E110" s="81"/>
      <c r="F110" s="80"/>
      <c r="G110" s="80"/>
    </row>
    <row r="111" spans="1:7" x14ac:dyDescent="0.3">
      <c r="A111" s="156" t="s">
        <v>1879</v>
      </c>
      <c r="B111" s="156" t="s">
        <v>1054</v>
      </c>
      <c r="C111" s="171">
        <v>0</v>
      </c>
      <c r="E111" s="128"/>
    </row>
    <row r="112" spans="1:7" outlineLevel="1" x14ac:dyDescent="0.3">
      <c r="A112" s="156" t="s">
        <v>1880</v>
      </c>
      <c r="B112" s="114" t="s">
        <v>1056</v>
      </c>
      <c r="C112" s="171">
        <v>0</v>
      </c>
      <c r="E112" s="128"/>
    </row>
    <row r="113" spans="1:7" outlineLevel="1" x14ac:dyDescent="0.3">
      <c r="A113" s="156" t="s">
        <v>1881</v>
      </c>
      <c r="C113" s="173"/>
      <c r="E113" s="128"/>
    </row>
    <row r="114" spans="1:7" outlineLevel="1" x14ac:dyDescent="0.3">
      <c r="A114" s="156" t="s">
        <v>1882</v>
      </c>
      <c r="C114" s="173"/>
      <c r="E114" s="128"/>
    </row>
    <row r="115" spans="1:7" outlineLevel="1" x14ac:dyDescent="0.3">
      <c r="A115" s="156" t="s">
        <v>1883</v>
      </c>
      <c r="C115" s="173"/>
      <c r="E115" s="128"/>
    </row>
    <row r="116" spans="1:7" ht="15" customHeight="1" x14ac:dyDescent="0.3">
      <c r="A116" s="103"/>
      <c r="B116" s="79" t="s">
        <v>1884</v>
      </c>
      <c r="C116" s="103" t="s">
        <v>1062</v>
      </c>
      <c r="D116" s="103" t="s">
        <v>1063</v>
      </c>
      <c r="E116" s="81"/>
      <c r="F116" s="103" t="s">
        <v>1785</v>
      </c>
      <c r="G116" s="103" t="s">
        <v>1064</v>
      </c>
    </row>
    <row r="117" spans="1:7" x14ac:dyDescent="0.3">
      <c r="A117" s="156" t="s">
        <v>1885</v>
      </c>
      <c r="B117" s="151" t="s">
        <v>1066</v>
      </c>
      <c r="C117" s="169">
        <v>0</v>
      </c>
      <c r="D117" s="129"/>
      <c r="E117" s="129"/>
      <c r="F117" s="94"/>
      <c r="G117" s="94"/>
    </row>
    <row r="118" spans="1:7" x14ac:dyDescent="0.3">
      <c r="A118" s="129"/>
      <c r="B118" s="113"/>
      <c r="C118" s="129"/>
      <c r="D118" s="129"/>
      <c r="E118" s="129"/>
      <c r="F118" s="94"/>
      <c r="G118" s="94"/>
    </row>
    <row r="119" spans="1:7" x14ac:dyDescent="0.3">
      <c r="B119" s="151" t="s">
        <v>1067</v>
      </c>
      <c r="C119" s="129"/>
      <c r="D119" s="129"/>
      <c r="E119" s="129"/>
      <c r="F119" s="94"/>
      <c r="G119" s="94"/>
    </row>
    <row r="120" spans="1:7" x14ac:dyDescent="0.3">
      <c r="A120" s="156" t="s">
        <v>1886</v>
      </c>
      <c r="B120" s="151" t="s">
        <v>1205</v>
      </c>
      <c r="C120" s="169">
        <v>0</v>
      </c>
      <c r="D120" s="169">
        <v>0</v>
      </c>
      <c r="E120" s="129"/>
      <c r="F120" s="174" t="str">
        <f t="shared" ref="F120:F143" si="0">IF($C$144=0,"",IF(C120="[for completion]","",C120/$C$144))</f>
        <v/>
      </c>
      <c r="G120" s="174" t="str">
        <f t="shared" ref="G120:G143" si="1">IF($D$144=0,"",IF(D120="[for completion]","",D120/$D$144))</f>
        <v/>
      </c>
    </row>
    <row r="121" spans="1:7" x14ac:dyDescent="0.3">
      <c r="A121" s="156" t="s">
        <v>1887</v>
      </c>
      <c r="B121" s="151" t="s">
        <v>1205</v>
      </c>
      <c r="C121" s="169">
        <v>0</v>
      </c>
      <c r="D121" s="169">
        <v>0</v>
      </c>
      <c r="E121" s="129"/>
      <c r="F121" s="174" t="str">
        <f t="shared" si="0"/>
        <v/>
      </c>
      <c r="G121" s="174" t="str">
        <f t="shared" si="1"/>
        <v/>
      </c>
    </row>
    <row r="122" spans="1:7" x14ac:dyDescent="0.3">
      <c r="A122" s="156" t="s">
        <v>1888</v>
      </c>
      <c r="B122" s="151" t="s">
        <v>1205</v>
      </c>
      <c r="C122" s="169">
        <v>0</v>
      </c>
      <c r="D122" s="169">
        <v>0</v>
      </c>
      <c r="E122" s="129"/>
      <c r="F122" s="174" t="str">
        <f t="shared" si="0"/>
        <v/>
      </c>
      <c r="G122" s="174" t="str">
        <f t="shared" si="1"/>
        <v/>
      </c>
    </row>
    <row r="123" spans="1:7" x14ac:dyDescent="0.3">
      <c r="A123" s="156" t="s">
        <v>1889</v>
      </c>
      <c r="B123" s="151" t="s">
        <v>1205</v>
      </c>
      <c r="C123" s="169">
        <v>0</v>
      </c>
      <c r="D123" s="169">
        <v>0</v>
      </c>
      <c r="E123" s="129"/>
      <c r="F123" s="174" t="str">
        <f t="shared" si="0"/>
        <v/>
      </c>
      <c r="G123" s="174" t="str">
        <f t="shared" si="1"/>
        <v/>
      </c>
    </row>
    <row r="124" spans="1:7" x14ac:dyDescent="0.3">
      <c r="A124" s="156" t="s">
        <v>1890</v>
      </c>
      <c r="B124" s="151" t="s">
        <v>1205</v>
      </c>
      <c r="C124" s="169">
        <v>0</v>
      </c>
      <c r="D124" s="169">
        <v>0</v>
      </c>
      <c r="E124" s="129"/>
      <c r="F124" s="174" t="str">
        <f t="shared" si="0"/>
        <v/>
      </c>
      <c r="G124" s="174" t="str">
        <f t="shared" si="1"/>
        <v/>
      </c>
    </row>
    <row r="125" spans="1:7" x14ac:dyDescent="0.3">
      <c r="A125" s="156" t="s">
        <v>1891</v>
      </c>
      <c r="B125" s="151" t="s">
        <v>1205</v>
      </c>
      <c r="C125" s="169">
        <v>0</v>
      </c>
      <c r="D125" s="169">
        <v>0</v>
      </c>
      <c r="E125" s="129"/>
      <c r="F125" s="174" t="str">
        <f t="shared" si="0"/>
        <v/>
      </c>
      <c r="G125" s="174" t="str">
        <f t="shared" si="1"/>
        <v/>
      </c>
    </row>
    <row r="126" spans="1:7" x14ac:dyDescent="0.3">
      <c r="A126" s="156" t="s">
        <v>1892</v>
      </c>
      <c r="B126" s="151" t="s">
        <v>1205</v>
      </c>
      <c r="C126" s="169">
        <v>0</v>
      </c>
      <c r="D126" s="169">
        <v>0</v>
      </c>
      <c r="E126" s="129"/>
      <c r="F126" s="174" t="str">
        <f t="shared" si="0"/>
        <v/>
      </c>
      <c r="G126" s="174" t="str">
        <f t="shared" si="1"/>
        <v/>
      </c>
    </row>
    <row r="127" spans="1:7" x14ac:dyDescent="0.3">
      <c r="A127" s="156" t="s">
        <v>1893</v>
      </c>
      <c r="B127" s="151" t="s">
        <v>1205</v>
      </c>
      <c r="C127" s="169">
        <v>0</v>
      </c>
      <c r="D127" s="169">
        <v>0</v>
      </c>
      <c r="E127" s="129"/>
      <c r="F127" s="174" t="str">
        <f t="shared" si="0"/>
        <v/>
      </c>
      <c r="G127" s="174" t="str">
        <f t="shared" si="1"/>
        <v/>
      </c>
    </row>
    <row r="128" spans="1:7" x14ac:dyDescent="0.3">
      <c r="A128" s="156" t="s">
        <v>1894</v>
      </c>
      <c r="B128" s="151" t="s">
        <v>1205</v>
      </c>
      <c r="C128" s="169">
        <v>0</v>
      </c>
      <c r="D128" s="169">
        <v>0</v>
      </c>
      <c r="E128" s="129"/>
      <c r="F128" s="174" t="str">
        <f t="shared" si="0"/>
        <v/>
      </c>
      <c r="G128" s="174" t="str">
        <f t="shared" si="1"/>
        <v/>
      </c>
    </row>
    <row r="129" spans="1:7" x14ac:dyDescent="0.3">
      <c r="A129" s="156" t="s">
        <v>1895</v>
      </c>
      <c r="B129" s="151" t="s">
        <v>1205</v>
      </c>
      <c r="C129" s="169">
        <v>0</v>
      </c>
      <c r="D129" s="169">
        <v>0</v>
      </c>
      <c r="E129" s="151"/>
      <c r="F129" s="174" t="str">
        <f t="shared" si="0"/>
        <v/>
      </c>
      <c r="G129" s="174" t="str">
        <f t="shared" si="1"/>
        <v/>
      </c>
    </row>
    <row r="130" spans="1:7" x14ac:dyDescent="0.3">
      <c r="A130" s="156" t="s">
        <v>1896</v>
      </c>
      <c r="B130" s="151" t="s">
        <v>1205</v>
      </c>
      <c r="C130" s="169">
        <v>0</v>
      </c>
      <c r="D130" s="169">
        <v>0</v>
      </c>
      <c r="E130" s="151"/>
      <c r="F130" s="174" t="str">
        <f t="shared" si="0"/>
        <v/>
      </c>
      <c r="G130" s="174" t="str">
        <f t="shared" si="1"/>
        <v/>
      </c>
    </row>
    <row r="131" spans="1:7" x14ac:dyDescent="0.3">
      <c r="A131" s="156" t="s">
        <v>1897</v>
      </c>
      <c r="B131" s="151" t="s">
        <v>1205</v>
      </c>
      <c r="C131" s="169">
        <v>0</v>
      </c>
      <c r="D131" s="169">
        <v>0</v>
      </c>
      <c r="E131" s="151"/>
      <c r="F131" s="174" t="str">
        <f t="shared" si="0"/>
        <v/>
      </c>
      <c r="G131" s="174" t="str">
        <f t="shared" si="1"/>
        <v/>
      </c>
    </row>
    <row r="132" spans="1:7" x14ac:dyDescent="0.3">
      <c r="A132" s="156" t="s">
        <v>1898</v>
      </c>
      <c r="B132" s="151" t="s">
        <v>1205</v>
      </c>
      <c r="C132" s="169">
        <v>0</v>
      </c>
      <c r="D132" s="169">
        <v>0</v>
      </c>
      <c r="E132" s="151"/>
      <c r="F132" s="174" t="str">
        <f t="shared" si="0"/>
        <v/>
      </c>
      <c r="G132" s="174" t="str">
        <f t="shared" si="1"/>
        <v/>
      </c>
    </row>
    <row r="133" spans="1:7" x14ac:dyDescent="0.3">
      <c r="A133" s="156" t="s">
        <v>1899</v>
      </c>
      <c r="B133" s="151" t="s">
        <v>1205</v>
      </c>
      <c r="C133" s="169">
        <v>0</v>
      </c>
      <c r="D133" s="169">
        <v>0</v>
      </c>
      <c r="E133" s="151"/>
      <c r="F133" s="174" t="str">
        <f t="shared" si="0"/>
        <v/>
      </c>
      <c r="G133" s="174" t="str">
        <f t="shared" si="1"/>
        <v/>
      </c>
    </row>
    <row r="134" spans="1:7" x14ac:dyDescent="0.3">
      <c r="A134" s="156" t="s">
        <v>1900</v>
      </c>
      <c r="B134" s="151" t="s">
        <v>1205</v>
      </c>
      <c r="C134" s="169">
        <v>0</v>
      </c>
      <c r="D134" s="169">
        <v>0</v>
      </c>
      <c r="E134" s="151"/>
      <c r="F134" s="174" t="str">
        <f t="shared" si="0"/>
        <v/>
      </c>
      <c r="G134" s="174" t="str">
        <f t="shared" si="1"/>
        <v/>
      </c>
    </row>
    <row r="135" spans="1:7" x14ac:dyDescent="0.3">
      <c r="A135" s="156" t="s">
        <v>1901</v>
      </c>
      <c r="B135" s="151" t="s">
        <v>1205</v>
      </c>
      <c r="C135" s="169">
        <v>0</v>
      </c>
      <c r="D135" s="169">
        <v>0</v>
      </c>
      <c r="F135" s="174" t="str">
        <f t="shared" si="0"/>
        <v/>
      </c>
      <c r="G135" s="174" t="str">
        <f t="shared" si="1"/>
        <v/>
      </c>
    </row>
    <row r="136" spans="1:7" x14ac:dyDescent="0.3">
      <c r="A136" s="156" t="s">
        <v>1902</v>
      </c>
      <c r="B136" s="151" t="s">
        <v>1205</v>
      </c>
      <c r="C136" s="169">
        <v>0</v>
      </c>
      <c r="D136" s="169">
        <v>0</v>
      </c>
      <c r="E136" s="114"/>
      <c r="F136" s="174" t="str">
        <f t="shared" si="0"/>
        <v/>
      </c>
      <c r="G136" s="174" t="str">
        <f t="shared" si="1"/>
        <v/>
      </c>
    </row>
    <row r="137" spans="1:7" x14ac:dyDescent="0.3">
      <c r="A137" s="156" t="s">
        <v>1903</v>
      </c>
      <c r="B137" s="151" t="s">
        <v>1205</v>
      </c>
      <c r="C137" s="169">
        <v>0</v>
      </c>
      <c r="D137" s="169">
        <v>0</v>
      </c>
      <c r="E137" s="114"/>
      <c r="F137" s="174" t="str">
        <f t="shared" si="0"/>
        <v/>
      </c>
      <c r="G137" s="174" t="str">
        <f t="shared" si="1"/>
        <v/>
      </c>
    </row>
    <row r="138" spans="1:7" x14ac:dyDescent="0.3">
      <c r="A138" s="156" t="s">
        <v>1904</v>
      </c>
      <c r="B138" s="151" t="s">
        <v>1205</v>
      </c>
      <c r="C138" s="169">
        <v>0</v>
      </c>
      <c r="D138" s="169">
        <v>0</v>
      </c>
      <c r="E138" s="114"/>
      <c r="F138" s="174" t="str">
        <f t="shared" si="0"/>
        <v/>
      </c>
      <c r="G138" s="174" t="str">
        <f t="shared" si="1"/>
        <v/>
      </c>
    </row>
    <row r="139" spans="1:7" x14ac:dyDescent="0.3">
      <c r="A139" s="156" t="s">
        <v>1905</v>
      </c>
      <c r="B139" s="151" t="s">
        <v>1205</v>
      </c>
      <c r="C139" s="169">
        <v>0</v>
      </c>
      <c r="D139" s="169">
        <v>0</v>
      </c>
      <c r="E139" s="114"/>
      <c r="F139" s="174" t="str">
        <f t="shared" si="0"/>
        <v/>
      </c>
      <c r="G139" s="174" t="str">
        <f t="shared" si="1"/>
        <v/>
      </c>
    </row>
    <row r="140" spans="1:7" x14ac:dyDescent="0.3">
      <c r="A140" s="156" t="s">
        <v>1906</v>
      </c>
      <c r="B140" s="151" t="s">
        <v>1205</v>
      </c>
      <c r="C140" s="169">
        <v>0</v>
      </c>
      <c r="D140" s="169">
        <v>0</v>
      </c>
      <c r="E140" s="114"/>
      <c r="F140" s="174" t="str">
        <f t="shared" si="0"/>
        <v/>
      </c>
      <c r="G140" s="174" t="str">
        <f t="shared" si="1"/>
        <v/>
      </c>
    </row>
    <row r="141" spans="1:7" x14ac:dyDescent="0.3">
      <c r="A141" s="156" t="s">
        <v>1907</v>
      </c>
      <c r="B141" s="151" t="s">
        <v>1205</v>
      </c>
      <c r="C141" s="169">
        <v>0</v>
      </c>
      <c r="D141" s="169">
        <v>0</v>
      </c>
      <c r="E141" s="114"/>
      <c r="F141" s="174" t="str">
        <f t="shared" si="0"/>
        <v/>
      </c>
      <c r="G141" s="174" t="str">
        <f t="shared" si="1"/>
        <v/>
      </c>
    </row>
    <row r="142" spans="1:7" x14ac:dyDescent="0.3">
      <c r="A142" s="156" t="s">
        <v>1908</v>
      </c>
      <c r="B142" s="151" t="s">
        <v>1205</v>
      </c>
      <c r="C142" s="169">
        <v>0</v>
      </c>
      <c r="D142" s="169">
        <v>0</v>
      </c>
      <c r="E142" s="114"/>
      <c r="F142" s="174" t="str">
        <f t="shared" si="0"/>
        <v/>
      </c>
      <c r="G142" s="174" t="str">
        <f t="shared" si="1"/>
        <v/>
      </c>
    </row>
    <row r="143" spans="1:7" x14ac:dyDescent="0.3">
      <c r="A143" s="156" t="s">
        <v>1909</v>
      </c>
      <c r="B143" s="151" t="s">
        <v>1205</v>
      </c>
      <c r="C143" s="169">
        <v>0</v>
      </c>
      <c r="D143" s="169">
        <v>0</v>
      </c>
      <c r="E143" s="114"/>
      <c r="F143" s="174" t="str">
        <f t="shared" si="0"/>
        <v/>
      </c>
      <c r="G143" s="174" t="str">
        <f t="shared" si="1"/>
        <v/>
      </c>
    </row>
    <row r="144" spans="1:7" x14ac:dyDescent="0.3">
      <c r="A144" s="156" t="s">
        <v>1910</v>
      </c>
      <c r="B144" s="115" t="s">
        <v>366</v>
      </c>
      <c r="C144" s="169">
        <f>SUM(C120:C143)</f>
        <v>0</v>
      </c>
      <c r="D144" s="116">
        <f>SUM(D120:D143)</f>
        <v>0</v>
      </c>
      <c r="E144" s="114"/>
      <c r="F144" s="175">
        <f>SUM(F120:F143)</f>
        <v>0</v>
      </c>
      <c r="G144" s="175">
        <f>SUM(G120:G143)</f>
        <v>0</v>
      </c>
    </row>
    <row r="145" spans="1:7" ht="15" customHeight="1" x14ac:dyDescent="0.3">
      <c r="A145" s="103"/>
      <c r="B145" s="79" t="s">
        <v>1911</v>
      </c>
      <c r="C145" s="103" t="s">
        <v>1062</v>
      </c>
      <c r="D145" s="103" t="s">
        <v>1063</v>
      </c>
      <c r="E145" s="81"/>
      <c r="F145" s="103" t="s">
        <v>1785</v>
      </c>
      <c r="G145" s="103" t="s">
        <v>1064</v>
      </c>
    </row>
    <row r="146" spans="1:7" x14ac:dyDescent="0.3">
      <c r="A146" s="156" t="s">
        <v>1912</v>
      </c>
      <c r="B146" s="156" t="s">
        <v>1107</v>
      </c>
      <c r="C146" s="171">
        <v>0</v>
      </c>
      <c r="G146" s="156"/>
    </row>
    <row r="147" spans="1:7" x14ac:dyDescent="0.3">
      <c r="G147" s="156"/>
    </row>
    <row r="148" spans="1:7" x14ac:dyDescent="0.3">
      <c r="B148" s="151" t="s">
        <v>1108</v>
      </c>
      <c r="G148" s="156"/>
    </row>
    <row r="149" spans="1:7" x14ac:dyDescent="0.3">
      <c r="A149" s="156" t="s">
        <v>1913</v>
      </c>
      <c r="B149" s="156" t="s">
        <v>1110</v>
      </c>
      <c r="C149" s="169">
        <v>0</v>
      </c>
      <c r="D149" s="169">
        <v>0</v>
      </c>
      <c r="F149" s="174" t="str">
        <f t="shared" ref="F149:F156" si="2">IF($C$157=0,"",IF(C149="[for completion]","",C149/$C$157))</f>
        <v/>
      </c>
      <c r="G149" s="174" t="str">
        <f t="shared" ref="G149:G156" si="3">IF($D$157=0,"",IF(D149="[for completion]","",D149/$D$157))</f>
        <v/>
      </c>
    </row>
    <row r="150" spans="1:7" x14ac:dyDescent="0.3">
      <c r="A150" s="156" t="s">
        <v>1914</v>
      </c>
      <c r="B150" s="156" t="s">
        <v>1112</v>
      </c>
      <c r="C150" s="169">
        <v>0</v>
      </c>
      <c r="D150" s="169">
        <v>0</v>
      </c>
      <c r="F150" s="174" t="str">
        <f t="shared" si="2"/>
        <v/>
      </c>
      <c r="G150" s="174" t="str">
        <f t="shared" si="3"/>
        <v/>
      </c>
    </row>
    <row r="151" spans="1:7" x14ac:dyDescent="0.3">
      <c r="A151" s="156" t="s">
        <v>1915</v>
      </c>
      <c r="B151" s="156" t="s">
        <v>1114</v>
      </c>
      <c r="C151" s="169">
        <v>0</v>
      </c>
      <c r="D151" s="169">
        <v>0</v>
      </c>
      <c r="F151" s="174" t="str">
        <f t="shared" si="2"/>
        <v/>
      </c>
      <c r="G151" s="174" t="str">
        <f t="shared" si="3"/>
        <v/>
      </c>
    </row>
    <row r="152" spans="1:7" x14ac:dyDescent="0.3">
      <c r="A152" s="156" t="s">
        <v>1916</v>
      </c>
      <c r="B152" s="156" t="s">
        <v>1116</v>
      </c>
      <c r="C152" s="169">
        <v>0</v>
      </c>
      <c r="D152" s="169">
        <v>0</v>
      </c>
      <c r="F152" s="174" t="str">
        <f t="shared" si="2"/>
        <v/>
      </c>
      <c r="G152" s="174" t="str">
        <f t="shared" si="3"/>
        <v/>
      </c>
    </row>
    <row r="153" spans="1:7" x14ac:dyDescent="0.3">
      <c r="A153" s="156" t="s">
        <v>1917</v>
      </c>
      <c r="B153" s="156" t="s">
        <v>1118</v>
      </c>
      <c r="C153" s="169">
        <v>0</v>
      </c>
      <c r="D153" s="169">
        <v>0</v>
      </c>
      <c r="F153" s="174" t="str">
        <f t="shared" si="2"/>
        <v/>
      </c>
      <c r="G153" s="174" t="str">
        <f t="shared" si="3"/>
        <v/>
      </c>
    </row>
    <row r="154" spans="1:7" x14ac:dyDescent="0.3">
      <c r="A154" s="156" t="s">
        <v>1918</v>
      </c>
      <c r="B154" s="156" t="s">
        <v>1120</v>
      </c>
      <c r="C154" s="169">
        <v>0</v>
      </c>
      <c r="D154" s="169">
        <v>0</v>
      </c>
      <c r="F154" s="174" t="str">
        <f t="shared" si="2"/>
        <v/>
      </c>
      <c r="G154" s="174" t="str">
        <f t="shared" si="3"/>
        <v/>
      </c>
    </row>
    <row r="155" spans="1:7" x14ac:dyDescent="0.3">
      <c r="A155" s="156" t="s">
        <v>1919</v>
      </c>
      <c r="B155" s="156" t="s">
        <v>1122</v>
      </c>
      <c r="C155" s="169">
        <v>0</v>
      </c>
      <c r="D155" s="169">
        <v>0</v>
      </c>
      <c r="F155" s="174" t="str">
        <f t="shared" si="2"/>
        <v/>
      </c>
      <c r="G155" s="174" t="str">
        <f t="shared" si="3"/>
        <v/>
      </c>
    </row>
    <row r="156" spans="1:7" x14ac:dyDescent="0.3">
      <c r="A156" s="156" t="s">
        <v>1920</v>
      </c>
      <c r="B156" s="156" t="s">
        <v>1124</v>
      </c>
      <c r="C156" s="169">
        <v>0</v>
      </c>
      <c r="D156" s="169">
        <v>0</v>
      </c>
      <c r="F156" s="174" t="str">
        <f t="shared" si="2"/>
        <v/>
      </c>
      <c r="G156" s="174" t="str">
        <f t="shared" si="3"/>
        <v/>
      </c>
    </row>
    <row r="157" spans="1:7" x14ac:dyDescent="0.3">
      <c r="A157" s="156" t="s">
        <v>1921</v>
      </c>
      <c r="B157" s="115" t="s">
        <v>366</v>
      </c>
      <c r="C157" s="169">
        <f>SUM(C149:C156)</f>
        <v>0</v>
      </c>
      <c r="D157" s="147">
        <f>SUM(D149:D156)</f>
        <v>0</v>
      </c>
      <c r="F157" s="173">
        <f>SUM(F149:F156)</f>
        <v>0</v>
      </c>
      <c r="G157" s="173">
        <f>SUM(G149:G156)</f>
        <v>0</v>
      </c>
    </row>
    <row r="158" spans="1:7" outlineLevel="1" x14ac:dyDescent="0.3">
      <c r="A158" s="156" t="s">
        <v>1922</v>
      </c>
      <c r="B158" s="106" t="s">
        <v>1127</v>
      </c>
      <c r="C158" s="170"/>
      <c r="D158" s="147"/>
      <c r="F158" s="174" t="str">
        <f t="shared" ref="F158:F163" si="4">IF($C$157=0,"",IF(C158="[for completion]","",C158/$C$157))</f>
        <v/>
      </c>
      <c r="G158" s="174" t="str">
        <f t="shared" ref="G158:G163" si="5">IF($D$157=0,"",IF(D158="[for completion]","",D158/$D$157))</f>
        <v/>
      </c>
    </row>
    <row r="159" spans="1:7" outlineLevel="1" x14ac:dyDescent="0.3">
      <c r="A159" s="156" t="s">
        <v>1923</v>
      </c>
      <c r="B159" s="106" t="s">
        <v>1129</v>
      </c>
      <c r="C159" s="170"/>
      <c r="D159" s="147"/>
      <c r="F159" s="174" t="str">
        <f t="shared" si="4"/>
        <v/>
      </c>
      <c r="G159" s="174" t="str">
        <f t="shared" si="5"/>
        <v/>
      </c>
    </row>
    <row r="160" spans="1:7" outlineLevel="1" x14ac:dyDescent="0.3">
      <c r="A160" s="156" t="s">
        <v>1924</v>
      </c>
      <c r="B160" s="106" t="s">
        <v>1131</v>
      </c>
      <c r="C160" s="170"/>
      <c r="D160" s="147"/>
      <c r="F160" s="174" t="str">
        <f t="shared" si="4"/>
        <v/>
      </c>
      <c r="G160" s="174" t="str">
        <f t="shared" si="5"/>
        <v/>
      </c>
    </row>
    <row r="161" spans="1:7" outlineLevel="1" x14ac:dyDescent="0.3">
      <c r="A161" s="156" t="s">
        <v>1925</v>
      </c>
      <c r="B161" s="106" t="s">
        <v>1133</v>
      </c>
      <c r="C161" s="170"/>
      <c r="D161" s="147"/>
      <c r="F161" s="174" t="str">
        <f t="shared" si="4"/>
        <v/>
      </c>
      <c r="G161" s="174" t="str">
        <f t="shared" si="5"/>
        <v/>
      </c>
    </row>
    <row r="162" spans="1:7" outlineLevel="1" x14ac:dyDescent="0.3">
      <c r="A162" s="156" t="s">
        <v>1926</v>
      </c>
      <c r="B162" s="106" t="s">
        <v>1135</v>
      </c>
      <c r="C162" s="170"/>
      <c r="D162" s="147"/>
      <c r="F162" s="174" t="str">
        <f t="shared" si="4"/>
        <v/>
      </c>
      <c r="G162" s="174" t="str">
        <f t="shared" si="5"/>
        <v/>
      </c>
    </row>
    <row r="163" spans="1:7" outlineLevel="1" x14ac:dyDescent="0.3">
      <c r="A163" s="156" t="s">
        <v>1927</v>
      </c>
      <c r="B163" s="106" t="s">
        <v>1137</v>
      </c>
      <c r="C163" s="170"/>
      <c r="D163" s="147"/>
      <c r="F163" s="174" t="str">
        <f t="shared" si="4"/>
        <v/>
      </c>
      <c r="G163" s="174" t="str">
        <f t="shared" si="5"/>
        <v/>
      </c>
    </row>
    <row r="164" spans="1:7" outlineLevel="1" x14ac:dyDescent="0.3">
      <c r="A164" s="156" t="s">
        <v>1928</v>
      </c>
      <c r="B164" s="106"/>
      <c r="F164" s="117"/>
      <c r="G164" s="117"/>
    </row>
    <row r="165" spans="1:7" outlineLevel="1" x14ac:dyDescent="0.3">
      <c r="A165" s="156" t="s">
        <v>1929</v>
      </c>
      <c r="B165" s="106"/>
      <c r="F165" s="117"/>
      <c r="G165" s="117"/>
    </row>
    <row r="166" spans="1:7" outlineLevel="1" x14ac:dyDescent="0.3">
      <c r="A166" s="156" t="s">
        <v>1930</v>
      </c>
      <c r="B166" s="106"/>
      <c r="F166" s="117"/>
      <c r="G166" s="117"/>
    </row>
    <row r="167" spans="1:7" ht="15" customHeight="1" x14ac:dyDescent="0.3">
      <c r="A167" s="103"/>
      <c r="B167" s="79" t="s">
        <v>1931</v>
      </c>
      <c r="C167" s="103" t="s">
        <v>1062</v>
      </c>
      <c r="D167" s="103" t="s">
        <v>1063</v>
      </c>
      <c r="E167" s="81"/>
      <c r="F167" s="103" t="s">
        <v>1785</v>
      </c>
      <c r="G167" s="103" t="s">
        <v>1064</v>
      </c>
    </row>
    <row r="168" spans="1:7" x14ac:dyDescent="0.3">
      <c r="A168" s="156" t="s">
        <v>1932</v>
      </c>
      <c r="B168" s="156" t="s">
        <v>1107</v>
      </c>
      <c r="C168" s="166" t="s">
        <v>360</v>
      </c>
      <c r="G168" s="156"/>
    </row>
    <row r="169" spans="1:7" x14ac:dyDescent="0.3">
      <c r="G169" s="156"/>
    </row>
    <row r="170" spans="1:7" x14ac:dyDescent="0.3">
      <c r="B170" s="151" t="s">
        <v>1108</v>
      </c>
      <c r="G170" s="156"/>
    </row>
    <row r="171" spans="1:7" x14ac:dyDescent="0.3">
      <c r="A171" s="156" t="s">
        <v>1933</v>
      </c>
      <c r="B171" s="156" t="s">
        <v>1110</v>
      </c>
      <c r="C171" s="166" t="s">
        <v>360</v>
      </c>
      <c r="D171" s="166" t="s">
        <v>360</v>
      </c>
      <c r="F171" s="174" t="str">
        <f t="shared" ref="F171:F178" si="6">IF($C$179=0,"",IF(C171="[Mark as ND1 if not relevant]","",C171/$C$179))</f>
        <v/>
      </c>
      <c r="G171" s="174" t="str">
        <f t="shared" ref="G171:G178" si="7">IF($D$179=0,"",IF(D171="[Mark as ND1 if not relevant]","",D171/$D$179))</f>
        <v/>
      </c>
    </row>
    <row r="172" spans="1:7" x14ac:dyDescent="0.3">
      <c r="A172" s="156" t="s">
        <v>1934</v>
      </c>
      <c r="B172" s="156" t="s">
        <v>1112</v>
      </c>
      <c r="C172" s="166" t="s">
        <v>360</v>
      </c>
      <c r="D172" s="166" t="s">
        <v>360</v>
      </c>
      <c r="F172" s="174" t="str">
        <f t="shared" si="6"/>
        <v/>
      </c>
      <c r="G172" s="174" t="str">
        <f t="shared" si="7"/>
        <v/>
      </c>
    </row>
    <row r="173" spans="1:7" x14ac:dyDescent="0.3">
      <c r="A173" s="156" t="s">
        <v>1935</v>
      </c>
      <c r="B173" s="156" t="s">
        <v>1114</v>
      </c>
      <c r="C173" s="166" t="s">
        <v>360</v>
      </c>
      <c r="D173" s="166" t="s">
        <v>360</v>
      </c>
      <c r="F173" s="174" t="str">
        <f t="shared" si="6"/>
        <v/>
      </c>
      <c r="G173" s="174" t="str">
        <f t="shared" si="7"/>
        <v/>
      </c>
    </row>
    <row r="174" spans="1:7" x14ac:dyDescent="0.3">
      <c r="A174" s="156" t="s">
        <v>1936</v>
      </c>
      <c r="B174" s="156" t="s">
        <v>1116</v>
      </c>
      <c r="C174" s="166" t="s">
        <v>360</v>
      </c>
      <c r="D174" s="166" t="s">
        <v>360</v>
      </c>
      <c r="F174" s="174" t="str">
        <f t="shared" si="6"/>
        <v/>
      </c>
      <c r="G174" s="174" t="str">
        <f t="shared" si="7"/>
        <v/>
      </c>
    </row>
    <row r="175" spans="1:7" x14ac:dyDescent="0.3">
      <c r="A175" s="156" t="s">
        <v>1937</v>
      </c>
      <c r="B175" s="156" t="s">
        <v>1118</v>
      </c>
      <c r="C175" s="166" t="s">
        <v>360</v>
      </c>
      <c r="D175" s="166" t="s">
        <v>360</v>
      </c>
      <c r="F175" s="174" t="str">
        <f t="shared" si="6"/>
        <v/>
      </c>
      <c r="G175" s="174" t="str">
        <f t="shared" si="7"/>
        <v/>
      </c>
    </row>
    <row r="176" spans="1:7" x14ac:dyDescent="0.3">
      <c r="A176" s="156" t="s">
        <v>1938</v>
      </c>
      <c r="B176" s="156" t="s">
        <v>1120</v>
      </c>
      <c r="C176" s="166" t="s">
        <v>360</v>
      </c>
      <c r="D176" s="166" t="s">
        <v>360</v>
      </c>
      <c r="F176" s="174" t="str">
        <f t="shared" si="6"/>
        <v/>
      </c>
      <c r="G176" s="174" t="str">
        <f t="shared" si="7"/>
        <v/>
      </c>
    </row>
    <row r="177" spans="1:7" x14ac:dyDescent="0.3">
      <c r="A177" s="156" t="s">
        <v>1939</v>
      </c>
      <c r="B177" s="156" t="s">
        <v>1122</v>
      </c>
      <c r="C177" s="166" t="s">
        <v>360</v>
      </c>
      <c r="D177" s="166" t="s">
        <v>360</v>
      </c>
      <c r="F177" s="174" t="str">
        <f t="shared" si="6"/>
        <v/>
      </c>
      <c r="G177" s="174" t="str">
        <f t="shared" si="7"/>
        <v/>
      </c>
    </row>
    <row r="178" spans="1:7" x14ac:dyDescent="0.3">
      <c r="A178" s="156" t="s">
        <v>1940</v>
      </c>
      <c r="B178" s="156" t="s">
        <v>1124</v>
      </c>
      <c r="C178" s="166" t="s">
        <v>360</v>
      </c>
      <c r="D178" s="166" t="s">
        <v>360</v>
      </c>
      <c r="F178" s="174" t="str">
        <f t="shared" si="6"/>
        <v/>
      </c>
      <c r="G178" s="174" t="str">
        <f t="shared" si="7"/>
        <v/>
      </c>
    </row>
    <row r="179" spans="1:7" x14ac:dyDescent="0.3">
      <c r="A179" s="156" t="s">
        <v>1941</v>
      </c>
      <c r="B179" s="115" t="s">
        <v>366</v>
      </c>
      <c r="C179" s="169">
        <f>SUM(C171:C178)</f>
        <v>0</v>
      </c>
      <c r="D179" s="147">
        <f>SUM(D171:D178)</f>
        <v>0</v>
      </c>
      <c r="F179" s="173">
        <f>SUM(F171:F178)</f>
        <v>0</v>
      </c>
      <c r="G179" s="173">
        <f>SUM(G171:G178)</f>
        <v>0</v>
      </c>
    </row>
    <row r="180" spans="1:7" outlineLevel="1" x14ac:dyDescent="0.3">
      <c r="A180" s="156" t="s">
        <v>1942</v>
      </c>
      <c r="B180" s="106" t="s">
        <v>1127</v>
      </c>
      <c r="C180" s="170"/>
      <c r="D180" s="147"/>
      <c r="F180" s="174" t="str">
        <f t="shared" ref="F180:F185" si="8">IF($C$179=0,"",IF(C180="[for completion]","",C180/$C$179))</f>
        <v/>
      </c>
      <c r="G180" s="174" t="str">
        <f t="shared" ref="G180:G185" si="9">IF($D$179=0,"",IF(D180="[for completion]","",D180/$D$179))</f>
        <v/>
      </c>
    </row>
    <row r="181" spans="1:7" outlineLevel="1" x14ac:dyDescent="0.3">
      <c r="A181" s="156" t="s">
        <v>1943</v>
      </c>
      <c r="B181" s="106" t="s">
        <v>1129</v>
      </c>
      <c r="C181" s="170"/>
      <c r="D181" s="147"/>
      <c r="F181" s="174" t="str">
        <f t="shared" si="8"/>
        <v/>
      </c>
      <c r="G181" s="174" t="str">
        <f t="shared" si="9"/>
        <v/>
      </c>
    </row>
    <row r="182" spans="1:7" outlineLevel="1" x14ac:dyDescent="0.3">
      <c r="A182" s="156" t="s">
        <v>1944</v>
      </c>
      <c r="B182" s="106" t="s">
        <v>1131</v>
      </c>
      <c r="C182" s="170"/>
      <c r="D182" s="147"/>
      <c r="F182" s="174" t="str">
        <f t="shared" si="8"/>
        <v/>
      </c>
      <c r="G182" s="174" t="str">
        <f t="shared" si="9"/>
        <v/>
      </c>
    </row>
    <row r="183" spans="1:7" outlineLevel="1" x14ac:dyDescent="0.3">
      <c r="A183" s="156" t="s">
        <v>1945</v>
      </c>
      <c r="B183" s="106" t="s">
        <v>1133</v>
      </c>
      <c r="C183" s="170"/>
      <c r="D183" s="147"/>
      <c r="F183" s="174" t="str">
        <f t="shared" si="8"/>
        <v/>
      </c>
      <c r="G183" s="174" t="str">
        <f t="shared" si="9"/>
        <v/>
      </c>
    </row>
    <row r="184" spans="1:7" outlineLevel="1" x14ac:dyDescent="0.3">
      <c r="A184" s="156" t="s">
        <v>1946</v>
      </c>
      <c r="B184" s="106" t="s">
        <v>1135</v>
      </c>
      <c r="C184" s="170"/>
      <c r="D184" s="147"/>
      <c r="F184" s="174" t="str">
        <f t="shared" si="8"/>
        <v/>
      </c>
      <c r="G184" s="174" t="str">
        <f t="shared" si="9"/>
        <v/>
      </c>
    </row>
    <row r="185" spans="1:7" outlineLevel="1" x14ac:dyDescent="0.3">
      <c r="A185" s="156" t="s">
        <v>1947</v>
      </c>
      <c r="B185" s="106" t="s">
        <v>1137</v>
      </c>
      <c r="C185" s="170"/>
      <c r="D185" s="147"/>
      <c r="F185" s="174" t="str">
        <f t="shared" si="8"/>
        <v/>
      </c>
      <c r="G185" s="174" t="str">
        <f t="shared" si="9"/>
        <v/>
      </c>
    </row>
    <row r="186" spans="1:7" outlineLevel="1" x14ac:dyDescent="0.3">
      <c r="A186" s="156" t="s">
        <v>1948</v>
      </c>
      <c r="B186" s="106"/>
      <c r="F186" s="117"/>
      <c r="G186" s="117"/>
    </row>
    <row r="187" spans="1:7" outlineLevel="1" x14ac:dyDescent="0.3">
      <c r="A187" s="156" t="s">
        <v>1949</v>
      </c>
      <c r="B187" s="106"/>
      <c r="F187" s="117"/>
      <c r="G187" s="117"/>
    </row>
    <row r="188" spans="1:7" outlineLevel="1" x14ac:dyDescent="0.3">
      <c r="A188" s="156" t="s">
        <v>1950</v>
      </c>
      <c r="B188" s="106"/>
      <c r="F188" s="117"/>
      <c r="G188" s="117"/>
    </row>
    <row r="189" spans="1:7" ht="15" customHeight="1" x14ac:dyDescent="0.3">
      <c r="A189" s="103"/>
      <c r="B189" s="79" t="s">
        <v>1951</v>
      </c>
      <c r="C189" s="103" t="s">
        <v>1785</v>
      </c>
      <c r="D189" s="103"/>
      <c r="E189" s="81"/>
      <c r="F189" s="103"/>
      <c r="G189" s="103"/>
    </row>
    <row r="190" spans="1:7" x14ac:dyDescent="0.3">
      <c r="A190" s="156" t="s">
        <v>1952</v>
      </c>
      <c r="B190" s="151" t="s">
        <v>1205</v>
      </c>
      <c r="C190" s="169">
        <v>0</v>
      </c>
      <c r="E190" s="114"/>
      <c r="F190" s="114"/>
      <c r="G190" s="114"/>
    </row>
    <row r="191" spans="1:7" x14ac:dyDescent="0.3">
      <c r="A191" s="156" t="s">
        <v>1953</v>
      </c>
      <c r="B191" s="151" t="s">
        <v>1205</v>
      </c>
      <c r="C191" s="169">
        <v>0</v>
      </c>
      <c r="E191" s="114"/>
      <c r="F191" s="114"/>
      <c r="G191" s="114"/>
    </row>
    <row r="192" spans="1:7" x14ac:dyDescent="0.3">
      <c r="A192" s="156" t="s">
        <v>1954</v>
      </c>
      <c r="B192" s="151" t="s">
        <v>1205</v>
      </c>
      <c r="C192" s="169">
        <v>0</v>
      </c>
      <c r="E192" s="114"/>
      <c r="F192" s="114"/>
      <c r="G192" s="114"/>
    </row>
    <row r="193" spans="1:7" x14ac:dyDescent="0.3">
      <c r="A193" s="156" t="s">
        <v>1955</v>
      </c>
      <c r="B193" s="151" t="s">
        <v>1205</v>
      </c>
      <c r="C193" s="169">
        <v>0</v>
      </c>
      <c r="E193" s="114"/>
      <c r="F193" s="114"/>
      <c r="G193" s="114"/>
    </row>
    <row r="194" spans="1:7" x14ac:dyDescent="0.3">
      <c r="A194" s="156" t="s">
        <v>1956</v>
      </c>
      <c r="B194" s="151" t="s">
        <v>1205</v>
      </c>
      <c r="C194" s="169">
        <v>0</v>
      </c>
      <c r="E194" s="114"/>
      <c r="F194" s="114"/>
      <c r="G194" s="114"/>
    </row>
    <row r="195" spans="1:7" x14ac:dyDescent="0.3">
      <c r="A195" s="156" t="s">
        <v>1957</v>
      </c>
      <c r="B195" s="151" t="s">
        <v>1205</v>
      </c>
      <c r="C195" s="169">
        <v>0</v>
      </c>
      <c r="E195" s="114"/>
      <c r="F195" s="114"/>
      <c r="G195" s="114"/>
    </row>
    <row r="196" spans="1:7" x14ac:dyDescent="0.3">
      <c r="A196" s="156" t="s">
        <v>1958</v>
      </c>
      <c r="B196" s="151" t="s">
        <v>1205</v>
      </c>
      <c r="C196" s="169">
        <v>0</v>
      </c>
      <c r="E196" s="114"/>
      <c r="F196" s="114"/>
      <c r="G196" s="114"/>
    </row>
    <row r="197" spans="1:7" x14ac:dyDescent="0.3">
      <c r="A197" s="156" t="s">
        <v>1959</v>
      </c>
      <c r="B197" s="151" t="s">
        <v>1205</v>
      </c>
      <c r="C197" s="169">
        <v>0</v>
      </c>
      <c r="E197" s="114"/>
      <c r="F197" s="114"/>
    </row>
    <row r="198" spans="1:7" x14ac:dyDescent="0.3">
      <c r="A198" s="156" t="s">
        <v>1960</v>
      </c>
      <c r="B198" s="151" t="s">
        <v>1205</v>
      </c>
      <c r="C198" s="169">
        <v>0</v>
      </c>
      <c r="E198" s="114"/>
      <c r="F198" s="114"/>
    </row>
    <row r="199" spans="1:7" x14ac:dyDescent="0.3">
      <c r="A199" s="156" t="s">
        <v>1961</v>
      </c>
      <c r="B199" s="151" t="s">
        <v>1205</v>
      </c>
      <c r="C199" s="169">
        <v>0</v>
      </c>
      <c r="E199" s="114"/>
      <c r="F199" s="114"/>
    </row>
    <row r="200" spans="1:7" x14ac:dyDescent="0.3">
      <c r="A200" s="156" t="s">
        <v>1962</v>
      </c>
      <c r="B200" s="151" t="s">
        <v>1205</v>
      </c>
      <c r="C200" s="169">
        <v>0</v>
      </c>
      <c r="E200" s="114"/>
      <c r="F200" s="114"/>
    </row>
    <row r="201" spans="1:7" x14ac:dyDescent="0.3">
      <c r="A201" s="156" t="s">
        <v>1963</v>
      </c>
      <c r="B201" s="151" t="s">
        <v>1205</v>
      </c>
      <c r="C201" s="169">
        <v>0</v>
      </c>
      <c r="E201" s="114"/>
      <c r="F201" s="114"/>
    </row>
    <row r="202" spans="1:7" x14ac:dyDescent="0.3">
      <c r="A202" s="156" t="s">
        <v>1964</v>
      </c>
      <c r="B202" s="151" t="s">
        <v>1205</v>
      </c>
      <c r="C202" s="169">
        <v>0</v>
      </c>
    </row>
    <row r="203" spans="1:7" x14ac:dyDescent="0.3">
      <c r="A203" s="156" t="s">
        <v>1965</v>
      </c>
      <c r="B203" s="151" t="s">
        <v>1205</v>
      </c>
      <c r="C203" s="169">
        <v>0</v>
      </c>
    </row>
    <row r="204" spans="1:7" x14ac:dyDescent="0.3">
      <c r="A204" s="156" t="s">
        <v>1966</v>
      </c>
      <c r="B204" s="151" t="s">
        <v>1205</v>
      </c>
      <c r="C204" s="169">
        <v>0</v>
      </c>
    </row>
    <row r="205" spans="1:7" x14ac:dyDescent="0.3">
      <c r="A205" s="156" t="s">
        <v>1967</v>
      </c>
      <c r="B205" s="151" t="s">
        <v>1205</v>
      </c>
      <c r="C205" s="169">
        <v>0</v>
      </c>
    </row>
    <row r="206" spans="1:7" x14ac:dyDescent="0.3">
      <c r="A206" s="156" t="s">
        <v>1968</v>
      </c>
      <c r="B206" s="151" t="s">
        <v>1205</v>
      </c>
      <c r="C206" s="169">
        <v>0</v>
      </c>
    </row>
    <row r="207" spans="1:7" outlineLevel="1" x14ac:dyDescent="0.3">
      <c r="A207" s="156" t="s">
        <v>1969</v>
      </c>
    </row>
    <row r="208" spans="1:7" outlineLevel="1" x14ac:dyDescent="0.3">
      <c r="A208" s="156" t="s">
        <v>1970</v>
      </c>
    </row>
    <row r="209" spans="1:1" outlineLevel="1" x14ac:dyDescent="0.3">
      <c r="A209" s="156" t="s">
        <v>1971</v>
      </c>
    </row>
    <row r="210" spans="1:1" outlineLevel="1" x14ac:dyDescent="0.3">
      <c r="A210" s="156" t="s">
        <v>1972</v>
      </c>
    </row>
    <row r="211" spans="1:1" outlineLevel="1" x14ac:dyDescent="0.3">
      <c r="A211" s="156" t="s">
        <v>1973</v>
      </c>
    </row>
  </sheetData>
  <hyperlinks>
    <hyperlink ref="B6" r:id="rId1" location="'B3. HTT Shipping Assets'!B8" xr:uid="{00000000-0004-0000-0700-000000000000}"/>
    <hyperlink ref="B80" location="'2. Harmonised Glossary'!A9" display="Breakdown by Interest Rate" xr:uid="{00000000-0004-0000-0700-000001000000}"/>
    <hyperlink ref="B110" location="'C. HTT Harmonised Glossary'!B19" display="7. 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6600"/>
  </sheetPr>
  <dimension ref="A1:C403"/>
  <sheetViews>
    <sheetView zoomScale="80" zoomScaleNormal="80" workbookViewId="0">
      <selection activeCell="B21" sqref="B21"/>
    </sheetView>
  </sheetViews>
  <sheetFormatPr defaultColWidth="11.44140625" defaultRowHeight="14.4" outlineLevelRow="1" x14ac:dyDescent="0.3"/>
  <cols>
    <col min="1" max="1" width="16.33203125" style="159" customWidth="1"/>
    <col min="2" max="2" width="89.88671875" style="156" bestFit="1" customWidth="1"/>
    <col min="3" max="3" width="134.6640625" style="159" customWidth="1"/>
    <col min="4" max="13" width="11.44140625" style="159" customWidth="1"/>
    <col min="14" max="16384" width="11.44140625" style="159"/>
  </cols>
  <sheetData>
    <row r="1" spans="1:3" ht="31.5" customHeight="1" x14ac:dyDescent="0.3">
      <c r="A1" s="93" t="s">
        <v>1974</v>
      </c>
      <c r="B1" s="93"/>
      <c r="C1" s="158" t="s">
        <v>272</v>
      </c>
    </row>
    <row r="2" spans="1:3" x14ac:dyDescent="0.3">
      <c r="B2" s="128"/>
      <c r="C2" s="128"/>
    </row>
    <row r="3" spans="1:3" x14ac:dyDescent="0.3">
      <c r="A3" s="56" t="s">
        <v>1975</v>
      </c>
      <c r="B3" s="57"/>
      <c r="C3" s="128"/>
    </row>
    <row r="4" spans="1:3" x14ac:dyDescent="0.3">
      <c r="C4" s="128"/>
    </row>
    <row r="5" spans="1:3" ht="37.5" customHeight="1" x14ac:dyDescent="0.3">
      <c r="A5" s="163" t="s">
        <v>283</v>
      </c>
      <c r="B5" s="163" t="s">
        <v>1976</v>
      </c>
      <c r="C5" s="58" t="s">
        <v>1977</v>
      </c>
    </row>
    <row r="6" spans="1:3" ht="30" customHeight="1" x14ac:dyDescent="0.3">
      <c r="A6" s="89" t="s">
        <v>1978</v>
      </c>
      <c r="B6" s="129" t="s">
        <v>1979</v>
      </c>
      <c r="C6" s="150" t="s">
        <v>1980</v>
      </c>
    </row>
    <row r="7" spans="1:3" ht="30" customHeight="1" x14ac:dyDescent="0.3">
      <c r="A7" s="89" t="s">
        <v>1981</v>
      </c>
      <c r="B7" s="129" t="s">
        <v>1982</v>
      </c>
      <c r="C7" s="156" t="s">
        <v>343</v>
      </c>
    </row>
    <row r="8" spans="1:3" ht="30" customHeight="1" x14ac:dyDescent="0.3">
      <c r="A8" s="89" t="s">
        <v>1983</v>
      </c>
      <c r="B8" s="129" t="s">
        <v>1984</v>
      </c>
      <c r="C8" s="150" t="s">
        <v>1985</v>
      </c>
    </row>
    <row r="9" spans="1:3" x14ac:dyDescent="0.3">
      <c r="A9" s="89" t="s">
        <v>1986</v>
      </c>
      <c r="B9" s="129" t="s">
        <v>1987</v>
      </c>
      <c r="C9" s="164" t="s">
        <v>1988</v>
      </c>
    </row>
    <row r="10" spans="1:3" ht="44.25" customHeight="1" x14ac:dyDescent="0.3">
      <c r="A10" s="89" t="s">
        <v>1989</v>
      </c>
      <c r="B10" s="129" t="s">
        <v>1990</v>
      </c>
      <c r="C10" s="164" t="s">
        <v>1991</v>
      </c>
    </row>
    <row r="11" spans="1:3" ht="54.75" customHeight="1" x14ac:dyDescent="0.3">
      <c r="A11" s="89" t="s">
        <v>1992</v>
      </c>
      <c r="B11" s="129" t="s">
        <v>1993</v>
      </c>
      <c r="C11" s="164" t="s">
        <v>1994</v>
      </c>
    </row>
    <row r="12" spans="1:3" x14ac:dyDescent="0.3">
      <c r="A12" s="89" t="s">
        <v>1995</v>
      </c>
      <c r="B12" s="129" t="s">
        <v>1996</v>
      </c>
      <c r="C12" s="202" t="s">
        <v>1997</v>
      </c>
    </row>
    <row r="13" spans="1:3" ht="28.8" x14ac:dyDescent="0.3">
      <c r="A13" s="89" t="s">
        <v>1998</v>
      </c>
      <c r="B13" s="129" t="s">
        <v>1999</v>
      </c>
      <c r="C13" s="164" t="s">
        <v>2000</v>
      </c>
    </row>
    <row r="14" spans="1:3" ht="28.8" x14ac:dyDescent="0.3">
      <c r="A14" s="89" t="s">
        <v>2001</v>
      </c>
      <c r="B14" s="129" t="s">
        <v>2002</v>
      </c>
      <c r="C14" s="164" t="s">
        <v>2003</v>
      </c>
    </row>
    <row r="15" spans="1:3" ht="30" customHeight="1" x14ac:dyDescent="0.3">
      <c r="A15" s="89" t="s">
        <v>2004</v>
      </c>
      <c r="B15" s="129" t="s">
        <v>2005</v>
      </c>
      <c r="C15" s="164" t="s">
        <v>2006</v>
      </c>
    </row>
    <row r="16" spans="1:3" ht="28.8" x14ac:dyDescent="0.3">
      <c r="A16" s="89" t="s">
        <v>2007</v>
      </c>
      <c r="B16" s="129" t="s">
        <v>2008</v>
      </c>
      <c r="C16" s="164" t="s">
        <v>2009</v>
      </c>
    </row>
    <row r="17" spans="1:3" ht="30" customHeight="1" x14ac:dyDescent="0.3">
      <c r="A17" s="89" t="s">
        <v>2010</v>
      </c>
      <c r="B17" s="39" t="s">
        <v>2011</v>
      </c>
      <c r="C17" s="164" t="s">
        <v>2012</v>
      </c>
    </row>
    <row r="18" spans="1:3" ht="57.6" x14ac:dyDescent="0.3">
      <c r="A18" s="89" t="s">
        <v>2013</v>
      </c>
      <c r="B18" s="39" t="s">
        <v>2014</v>
      </c>
      <c r="C18" s="164" t="s">
        <v>2015</v>
      </c>
    </row>
    <row r="19" spans="1:3" x14ac:dyDescent="0.3">
      <c r="A19" s="89" t="s">
        <v>2016</v>
      </c>
      <c r="B19" s="39" t="s">
        <v>2017</v>
      </c>
      <c r="C19" s="164" t="s">
        <v>2018</v>
      </c>
    </row>
    <row r="20" spans="1:3" x14ac:dyDescent="0.3">
      <c r="A20" s="89" t="s">
        <v>2019</v>
      </c>
      <c r="B20" s="129" t="s">
        <v>2020</v>
      </c>
      <c r="C20" s="164" t="s">
        <v>2021</v>
      </c>
    </row>
    <row r="21" spans="1:3" x14ac:dyDescent="0.3">
      <c r="A21" s="89" t="s">
        <v>2022</v>
      </c>
      <c r="B21" s="104" t="s">
        <v>2023</v>
      </c>
      <c r="C21" s="154"/>
    </row>
    <row r="22" spans="1:3" x14ac:dyDescent="0.3">
      <c r="A22" s="89" t="s">
        <v>2024</v>
      </c>
      <c r="C22" s="154"/>
    </row>
    <row r="23" spans="1:3" outlineLevel="1" x14ac:dyDescent="0.3">
      <c r="A23" s="89" t="s">
        <v>2025</v>
      </c>
      <c r="C23" s="164"/>
    </row>
    <row r="24" spans="1:3" outlineLevel="1" x14ac:dyDescent="0.3">
      <c r="A24" s="89" t="s">
        <v>2026</v>
      </c>
      <c r="B24" s="113"/>
      <c r="C24" s="164"/>
    </row>
    <row r="25" spans="1:3" outlineLevel="1" x14ac:dyDescent="0.3">
      <c r="A25" s="89" t="s">
        <v>2027</v>
      </c>
      <c r="B25" s="113"/>
      <c r="C25" s="164"/>
    </row>
    <row r="26" spans="1:3" outlineLevel="1" x14ac:dyDescent="0.3">
      <c r="A26" s="89" t="s">
        <v>2028</v>
      </c>
      <c r="B26" s="113"/>
      <c r="C26" s="164"/>
    </row>
    <row r="27" spans="1:3" outlineLevel="1" x14ac:dyDescent="0.3">
      <c r="A27" s="89" t="s">
        <v>2029</v>
      </c>
      <c r="B27" s="113"/>
      <c r="C27" s="164"/>
    </row>
    <row r="28" spans="1:3" ht="18.75" customHeight="1" outlineLevel="1" x14ac:dyDescent="0.3">
      <c r="A28" s="163"/>
      <c r="B28" s="163" t="s">
        <v>2030</v>
      </c>
      <c r="C28" s="58" t="s">
        <v>1977</v>
      </c>
    </row>
    <row r="29" spans="1:3" outlineLevel="1" x14ac:dyDescent="0.3">
      <c r="A29" s="89" t="s">
        <v>2031</v>
      </c>
      <c r="B29" s="129" t="s">
        <v>2032</v>
      </c>
      <c r="C29" s="164" t="s">
        <v>1057</v>
      </c>
    </row>
    <row r="30" spans="1:3" outlineLevel="1" x14ac:dyDescent="0.3">
      <c r="A30" s="89" t="s">
        <v>2033</v>
      </c>
      <c r="B30" s="129" t="s">
        <v>2034</v>
      </c>
      <c r="C30" s="164" t="s">
        <v>1057</v>
      </c>
    </row>
    <row r="31" spans="1:3" outlineLevel="1" x14ac:dyDescent="0.3">
      <c r="A31" s="89" t="s">
        <v>2035</v>
      </c>
      <c r="B31" s="129" t="s">
        <v>2036</v>
      </c>
      <c r="C31" s="164" t="s">
        <v>1057</v>
      </c>
    </row>
    <row r="32" spans="1:3" outlineLevel="1" x14ac:dyDescent="0.3">
      <c r="A32" s="89" t="s">
        <v>2037</v>
      </c>
      <c r="B32" s="152"/>
      <c r="C32" s="164"/>
    </row>
    <row r="33" spans="1:3" outlineLevel="1" x14ac:dyDescent="0.3">
      <c r="A33" s="89" t="s">
        <v>2038</v>
      </c>
      <c r="B33" s="152"/>
      <c r="C33" s="164"/>
    </row>
    <row r="34" spans="1:3" outlineLevel="1" x14ac:dyDescent="0.3">
      <c r="A34" s="89" t="s">
        <v>2039</v>
      </c>
      <c r="B34" s="152"/>
      <c r="C34" s="164"/>
    </row>
    <row r="35" spans="1:3" outlineLevel="1" x14ac:dyDescent="0.3">
      <c r="A35" s="89" t="s">
        <v>2040</v>
      </c>
      <c r="B35" s="152"/>
      <c r="C35" s="164"/>
    </row>
    <row r="36" spans="1:3" outlineLevel="1" x14ac:dyDescent="0.3">
      <c r="A36" s="89" t="s">
        <v>2041</v>
      </c>
      <c r="B36" s="152"/>
      <c r="C36" s="164"/>
    </row>
    <row r="37" spans="1:3" outlineLevel="1" x14ac:dyDescent="0.3">
      <c r="A37" s="89" t="s">
        <v>2042</v>
      </c>
      <c r="B37" s="152"/>
      <c r="C37" s="164"/>
    </row>
    <row r="38" spans="1:3" outlineLevel="1" x14ac:dyDescent="0.3">
      <c r="A38" s="89" t="s">
        <v>2043</v>
      </c>
      <c r="B38" s="152"/>
      <c r="C38" s="164"/>
    </row>
    <row r="39" spans="1:3" outlineLevel="1" x14ac:dyDescent="0.3">
      <c r="A39" s="89" t="s">
        <v>2044</v>
      </c>
      <c r="B39" s="152"/>
      <c r="C39" s="164"/>
    </row>
    <row r="40" spans="1:3" outlineLevel="1" x14ac:dyDescent="0.3">
      <c r="A40" s="89" t="s">
        <v>2045</v>
      </c>
      <c r="B40" s="152"/>
      <c r="C40" s="164"/>
    </row>
    <row r="41" spans="1:3" outlineLevel="1" x14ac:dyDescent="0.3">
      <c r="A41" s="89" t="s">
        <v>2046</v>
      </c>
      <c r="B41" s="152"/>
      <c r="C41" s="164"/>
    </row>
    <row r="42" spans="1:3" outlineLevel="1" x14ac:dyDescent="0.3">
      <c r="A42" s="89" t="s">
        <v>2047</v>
      </c>
      <c r="B42" s="152"/>
      <c r="C42" s="164"/>
    </row>
    <row r="43" spans="1:3" outlineLevel="1" x14ac:dyDescent="0.3">
      <c r="A43" s="89" t="s">
        <v>2048</v>
      </c>
      <c r="B43" s="152"/>
      <c r="C43" s="164"/>
    </row>
    <row r="44" spans="1:3" ht="18.75" customHeight="1" x14ac:dyDescent="0.3">
      <c r="A44" s="163"/>
      <c r="B44" s="163" t="s">
        <v>2049</v>
      </c>
      <c r="C44" s="58" t="s">
        <v>2050</v>
      </c>
    </row>
    <row r="45" spans="1:3" x14ac:dyDescent="0.3">
      <c r="A45" s="89" t="s">
        <v>2051</v>
      </c>
      <c r="B45" s="39" t="s">
        <v>2052</v>
      </c>
      <c r="C45" s="156" t="s">
        <v>360</v>
      </c>
    </row>
    <row r="46" spans="1:3" x14ac:dyDescent="0.3">
      <c r="A46" s="89" t="s">
        <v>2053</v>
      </c>
      <c r="B46" s="39" t="s">
        <v>2054</v>
      </c>
      <c r="C46" s="156" t="s">
        <v>343</v>
      </c>
    </row>
    <row r="47" spans="1:3" x14ac:dyDescent="0.3">
      <c r="A47" s="89" t="s">
        <v>2055</v>
      </c>
      <c r="B47" s="39" t="s">
        <v>2056</v>
      </c>
      <c r="C47" s="156" t="s">
        <v>1165</v>
      </c>
    </row>
    <row r="48" spans="1:3" outlineLevel="1" x14ac:dyDescent="0.3">
      <c r="A48" s="89" t="s">
        <v>2057</v>
      </c>
      <c r="B48" s="136"/>
      <c r="C48" s="164"/>
    </row>
    <row r="49" spans="1:3" outlineLevel="1" x14ac:dyDescent="0.3">
      <c r="A49" s="89" t="s">
        <v>2058</v>
      </c>
      <c r="B49" s="136"/>
      <c r="C49" s="164"/>
    </row>
    <row r="50" spans="1:3" outlineLevel="1" x14ac:dyDescent="0.3">
      <c r="A50" s="89" t="s">
        <v>2059</v>
      </c>
      <c r="B50" s="153"/>
      <c r="C50" s="164"/>
    </row>
    <row r="51" spans="1:3" ht="18.75" customHeight="1" x14ac:dyDescent="0.3">
      <c r="A51" s="163"/>
      <c r="B51" s="163" t="s">
        <v>2060</v>
      </c>
      <c r="C51" s="58" t="s">
        <v>1977</v>
      </c>
    </row>
    <row r="52" spans="1:3" x14ac:dyDescent="0.3">
      <c r="A52" s="89" t="s">
        <v>2061</v>
      </c>
      <c r="B52" s="129" t="s">
        <v>2062</v>
      </c>
      <c r="C52" s="156" t="s">
        <v>1057</v>
      </c>
    </row>
    <row r="53" spans="1:3" x14ac:dyDescent="0.3">
      <c r="A53" s="89" t="s">
        <v>2063</v>
      </c>
      <c r="B53" s="136"/>
      <c r="C53" s="154"/>
    </row>
    <row r="54" spans="1:3" x14ac:dyDescent="0.3">
      <c r="A54" s="89" t="s">
        <v>2064</v>
      </c>
      <c r="B54" s="136"/>
      <c r="C54" s="154"/>
    </row>
    <row r="55" spans="1:3" x14ac:dyDescent="0.3">
      <c r="A55" s="89" t="s">
        <v>2065</v>
      </c>
      <c r="B55" s="136"/>
      <c r="C55" s="154"/>
    </row>
    <row r="56" spans="1:3" x14ac:dyDescent="0.3">
      <c r="A56" s="89" t="s">
        <v>2066</v>
      </c>
      <c r="B56" s="136"/>
      <c r="C56" s="154"/>
    </row>
    <row r="57" spans="1:3" x14ac:dyDescent="0.3">
      <c r="A57" s="89" t="s">
        <v>2067</v>
      </c>
      <c r="B57" s="136"/>
      <c r="C57" s="154"/>
    </row>
    <row r="58" spans="1:3" x14ac:dyDescent="0.3">
      <c r="B58" s="151"/>
    </row>
    <row r="59" spans="1:3" x14ac:dyDescent="0.3">
      <c r="B59" s="151"/>
    </row>
    <row r="60" spans="1:3" x14ac:dyDescent="0.3">
      <c r="B60" s="151"/>
    </row>
    <row r="61" spans="1:3" x14ac:dyDescent="0.3">
      <c r="B61" s="151"/>
    </row>
    <row r="62" spans="1:3" x14ac:dyDescent="0.3">
      <c r="B62" s="151"/>
    </row>
    <row r="63" spans="1:3" x14ac:dyDescent="0.3">
      <c r="B63" s="151"/>
    </row>
    <row r="64" spans="1:3" x14ac:dyDescent="0.3">
      <c r="B64" s="151"/>
    </row>
    <row r="65" spans="2:2" x14ac:dyDescent="0.3">
      <c r="B65" s="151"/>
    </row>
    <row r="66" spans="2:2" x14ac:dyDescent="0.3">
      <c r="B66" s="151"/>
    </row>
    <row r="67" spans="2:2" x14ac:dyDescent="0.3">
      <c r="B67" s="151"/>
    </row>
    <row r="68" spans="2:2" x14ac:dyDescent="0.3">
      <c r="B68" s="151"/>
    </row>
    <row r="69" spans="2:2" x14ac:dyDescent="0.3">
      <c r="B69" s="151"/>
    </row>
    <row r="70" spans="2:2" x14ac:dyDescent="0.3">
      <c r="B70" s="151"/>
    </row>
    <row r="71" spans="2:2" x14ac:dyDescent="0.3">
      <c r="B71" s="151"/>
    </row>
    <row r="72" spans="2:2" x14ac:dyDescent="0.3">
      <c r="B72" s="151"/>
    </row>
    <row r="73" spans="2:2" x14ac:dyDescent="0.3">
      <c r="B73" s="151"/>
    </row>
    <row r="74" spans="2:2" x14ac:dyDescent="0.3">
      <c r="B74" s="151"/>
    </row>
    <row r="75" spans="2:2" x14ac:dyDescent="0.3">
      <c r="B75" s="151"/>
    </row>
    <row r="76" spans="2:2" x14ac:dyDescent="0.3">
      <c r="B76" s="151"/>
    </row>
    <row r="77" spans="2:2" x14ac:dyDescent="0.3">
      <c r="B77" s="151"/>
    </row>
    <row r="78" spans="2:2" x14ac:dyDescent="0.3">
      <c r="B78" s="151"/>
    </row>
    <row r="79" spans="2:2" x14ac:dyDescent="0.3">
      <c r="B79" s="151"/>
    </row>
    <row r="80" spans="2:2" x14ac:dyDescent="0.3">
      <c r="B80" s="151"/>
    </row>
    <row r="81" spans="2:2" x14ac:dyDescent="0.3">
      <c r="B81" s="151"/>
    </row>
    <row r="82" spans="2:2" x14ac:dyDescent="0.3">
      <c r="B82" s="151"/>
    </row>
    <row r="83" spans="2:2" x14ac:dyDescent="0.3">
      <c r="B83" s="151"/>
    </row>
    <row r="84" spans="2:2" x14ac:dyDescent="0.3">
      <c r="B84" s="151"/>
    </row>
    <row r="85" spans="2:2" x14ac:dyDescent="0.3">
      <c r="B85" s="151"/>
    </row>
    <row r="86" spans="2:2" x14ac:dyDescent="0.3">
      <c r="B86" s="151"/>
    </row>
    <row r="87" spans="2:2" x14ac:dyDescent="0.3">
      <c r="B87" s="151"/>
    </row>
    <row r="88" spans="2:2" x14ac:dyDescent="0.3">
      <c r="B88" s="151"/>
    </row>
    <row r="89" spans="2:2" x14ac:dyDescent="0.3">
      <c r="B89" s="151"/>
    </row>
    <row r="90" spans="2:2" x14ac:dyDescent="0.3">
      <c r="B90" s="151"/>
    </row>
    <row r="91" spans="2:2" x14ac:dyDescent="0.3">
      <c r="B91" s="151"/>
    </row>
    <row r="92" spans="2:2" x14ac:dyDescent="0.3">
      <c r="B92" s="151"/>
    </row>
    <row r="93" spans="2:2" x14ac:dyDescent="0.3">
      <c r="B93" s="151"/>
    </row>
    <row r="94" spans="2:2" x14ac:dyDescent="0.3">
      <c r="B94" s="151"/>
    </row>
    <row r="95" spans="2:2" x14ac:dyDescent="0.3">
      <c r="B95" s="151"/>
    </row>
    <row r="96" spans="2:2" x14ac:dyDescent="0.3">
      <c r="B96" s="151"/>
    </row>
    <row r="97" spans="2:2" x14ac:dyDescent="0.3">
      <c r="B97" s="151"/>
    </row>
    <row r="98" spans="2:2" x14ac:dyDescent="0.3">
      <c r="B98" s="151"/>
    </row>
    <row r="99" spans="2:2" x14ac:dyDescent="0.3">
      <c r="B99" s="151"/>
    </row>
    <row r="100" spans="2:2" x14ac:dyDescent="0.3">
      <c r="B100" s="151"/>
    </row>
    <row r="101" spans="2:2" x14ac:dyDescent="0.3">
      <c r="B101" s="151"/>
    </row>
    <row r="102" spans="2:2" x14ac:dyDescent="0.3">
      <c r="B102" s="151"/>
    </row>
    <row r="103" spans="2:2" x14ac:dyDescent="0.3">
      <c r="B103" s="128"/>
    </row>
    <row r="104" spans="2:2" x14ac:dyDescent="0.3">
      <c r="B104" s="128"/>
    </row>
    <row r="105" spans="2:2" x14ac:dyDescent="0.3">
      <c r="B105" s="128"/>
    </row>
    <row r="106" spans="2:2" x14ac:dyDescent="0.3">
      <c r="B106" s="128"/>
    </row>
    <row r="107" spans="2:2" x14ac:dyDescent="0.3">
      <c r="B107" s="128"/>
    </row>
    <row r="108" spans="2:2" x14ac:dyDescent="0.3">
      <c r="B108" s="128"/>
    </row>
    <row r="109" spans="2:2" x14ac:dyDescent="0.3">
      <c r="B109" s="128"/>
    </row>
    <row r="110" spans="2:2" x14ac:dyDescent="0.3">
      <c r="B110" s="128"/>
    </row>
    <row r="111" spans="2:2" x14ac:dyDescent="0.3">
      <c r="B111" s="128"/>
    </row>
    <row r="112" spans="2:2" x14ac:dyDescent="0.3">
      <c r="B112" s="128"/>
    </row>
    <row r="113" spans="2:2" x14ac:dyDescent="0.3">
      <c r="B113" s="151"/>
    </row>
    <row r="114" spans="2:2" x14ac:dyDescent="0.3">
      <c r="B114" s="151"/>
    </row>
    <row r="115" spans="2:2" x14ac:dyDescent="0.3">
      <c r="B115" s="151"/>
    </row>
    <row r="116" spans="2:2" x14ac:dyDescent="0.3">
      <c r="B116" s="151"/>
    </row>
    <row r="117" spans="2:2" x14ac:dyDescent="0.3">
      <c r="B117" s="151"/>
    </row>
    <row r="118" spans="2:2" x14ac:dyDescent="0.3">
      <c r="B118" s="151"/>
    </row>
    <row r="119" spans="2:2" x14ac:dyDescent="0.3">
      <c r="B119" s="151"/>
    </row>
    <row r="120" spans="2:2" x14ac:dyDescent="0.3">
      <c r="B120" s="151"/>
    </row>
    <row r="121" spans="2:2" x14ac:dyDescent="0.3">
      <c r="B121" s="108"/>
    </row>
    <row r="122" spans="2:2" x14ac:dyDescent="0.3">
      <c r="B122" s="151"/>
    </row>
    <row r="123" spans="2:2" x14ac:dyDescent="0.3">
      <c r="B123" s="151"/>
    </row>
    <row r="124" spans="2:2" x14ac:dyDescent="0.3">
      <c r="B124" s="151"/>
    </row>
    <row r="125" spans="2:2" x14ac:dyDescent="0.3">
      <c r="B125" s="151"/>
    </row>
    <row r="126" spans="2:2" x14ac:dyDescent="0.3">
      <c r="B126" s="151"/>
    </row>
    <row r="127" spans="2:2" x14ac:dyDescent="0.3">
      <c r="B127" s="151"/>
    </row>
    <row r="128" spans="2:2" x14ac:dyDescent="0.3">
      <c r="B128" s="151"/>
    </row>
    <row r="129" spans="2:2" x14ac:dyDescent="0.3">
      <c r="B129" s="151"/>
    </row>
    <row r="130" spans="2:2" x14ac:dyDescent="0.3">
      <c r="B130" s="151"/>
    </row>
    <row r="131" spans="2:2" x14ac:dyDescent="0.3">
      <c r="B131" s="151"/>
    </row>
    <row r="132" spans="2:2" x14ac:dyDescent="0.3">
      <c r="B132" s="151"/>
    </row>
    <row r="133" spans="2:2" x14ac:dyDescent="0.3">
      <c r="B133" s="151"/>
    </row>
    <row r="134" spans="2:2" x14ac:dyDescent="0.3">
      <c r="B134" s="151"/>
    </row>
    <row r="135" spans="2:2" x14ac:dyDescent="0.3">
      <c r="B135" s="151"/>
    </row>
    <row r="136" spans="2:2" x14ac:dyDescent="0.3">
      <c r="B136" s="151"/>
    </row>
    <row r="137" spans="2:2" x14ac:dyDescent="0.3">
      <c r="B137" s="151"/>
    </row>
    <row r="138" spans="2:2" x14ac:dyDescent="0.3">
      <c r="B138" s="151"/>
    </row>
    <row r="140" spans="2:2" x14ac:dyDescent="0.3">
      <c r="B140" s="151"/>
    </row>
    <row r="141" spans="2:2" x14ac:dyDescent="0.3">
      <c r="B141" s="151"/>
    </row>
    <row r="142" spans="2:2" x14ac:dyDescent="0.3">
      <c r="B142" s="151"/>
    </row>
    <row r="147" spans="2:2" x14ac:dyDescent="0.3">
      <c r="B147" s="145"/>
    </row>
    <row r="148" spans="2:2" x14ac:dyDescent="0.3">
      <c r="B148" s="59"/>
    </row>
    <row r="154" spans="2:2" x14ac:dyDescent="0.3">
      <c r="B154" s="39"/>
    </row>
    <row r="155" spans="2:2" x14ac:dyDescent="0.3">
      <c r="B155" s="151"/>
    </row>
    <row r="157" spans="2:2" x14ac:dyDescent="0.3">
      <c r="B157" s="151"/>
    </row>
    <row r="158" spans="2:2" x14ac:dyDescent="0.3">
      <c r="B158" s="151"/>
    </row>
    <row r="159" spans="2:2" x14ac:dyDescent="0.3">
      <c r="B159" s="151"/>
    </row>
    <row r="160" spans="2:2" x14ac:dyDescent="0.3">
      <c r="B160" s="151"/>
    </row>
    <row r="161" spans="2:2" x14ac:dyDescent="0.3">
      <c r="B161" s="151"/>
    </row>
    <row r="162" spans="2:2" x14ac:dyDescent="0.3">
      <c r="B162" s="151"/>
    </row>
    <row r="163" spans="2:2" x14ac:dyDescent="0.3">
      <c r="B163" s="151"/>
    </row>
    <row r="164" spans="2:2" x14ac:dyDescent="0.3">
      <c r="B164" s="151"/>
    </row>
    <row r="165" spans="2:2" x14ac:dyDescent="0.3">
      <c r="B165" s="151"/>
    </row>
    <row r="166" spans="2:2" x14ac:dyDescent="0.3">
      <c r="B166" s="151"/>
    </row>
    <row r="167" spans="2:2" x14ac:dyDescent="0.3">
      <c r="B167" s="151"/>
    </row>
    <row r="168" spans="2:2" x14ac:dyDescent="0.3">
      <c r="B168" s="151"/>
    </row>
    <row r="265" spans="2:2" x14ac:dyDescent="0.3">
      <c r="B265" s="129"/>
    </row>
    <row r="266" spans="2:2" x14ac:dyDescent="0.3">
      <c r="B266" s="151"/>
    </row>
    <row r="267" spans="2:2" x14ac:dyDescent="0.3">
      <c r="B267" s="151"/>
    </row>
    <row r="270" spans="2:2" x14ac:dyDescent="0.3">
      <c r="B270" s="151"/>
    </row>
    <row r="286" spans="2:2" x14ac:dyDescent="0.3">
      <c r="B286" s="129"/>
    </row>
    <row r="316" spans="2:2" x14ac:dyDescent="0.3">
      <c r="B316" s="145"/>
    </row>
    <row r="317" spans="2:2" x14ac:dyDescent="0.3">
      <c r="B317" s="151"/>
    </row>
    <row r="319" spans="2:2" x14ac:dyDescent="0.3">
      <c r="B319" s="151"/>
    </row>
    <row r="320" spans="2:2" x14ac:dyDescent="0.3">
      <c r="B320" s="151"/>
    </row>
    <row r="321" spans="2:2" x14ac:dyDescent="0.3">
      <c r="B321" s="151"/>
    </row>
    <row r="322" spans="2:2" x14ac:dyDescent="0.3">
      <c r="B322" s="151"/>
    </row>
    <row r="323" spans="2:2" x14ac:dyDescent="0.3">
      <c r="B323" s="151"/>
    </row>
    <row r="324" spans="2:2" x14ac:dyDescent="0.3">
      <c r="B324" s="151"/>
    </row>
    <row r="325" spans="2:2" x14ac:dyDescent="0.3">
      <c r="B325" s="151"/>
    </row>
    <row r="326" spans="2:2" x14ac:dyDescent="0.3">
      <c r="B326" s="151"/>
    </row>
    <row r="327" spans="2:2" x14ac:dyDescent="0.3">
      <c r="B327" s="151"/>
    </row>
    <row r="328" spans="2:2" x14ac:dyDescent="0.3">
      <c r="B328" s="151"/>
    </row>
    <row r="329" spans="2:2" x14ac:dyDescent="0.3">
      <c r="B329" s="151"/>
    </row>
    <row r="330" spans="2:2" x14ac:dyDescent="0.3">
      <c r="B330" s="151"/>
    </row>
    <row r="342" spans="2:2" x14ac:dyDescent="0.3">
      <c r="B342" s="151"/>
    </row>
    <row r="343" spans="2:2" x14ac:dyDescent="0.3">
      <c r="B343" s="151"/>
    </row>
    <row r="344" spans="2:2" x14ac:dyDescent="0.3">
      <c r="B344" s="151"/>
    </row>
    <row r="345" spans="2:2" x14ac:dyDescent="0.3">
      <c r="B345" s="151"/>
    </row>
    <row r="346" spans="2:2" x14ac:dyDescent="0.3">
      <c r="B346" s="151"/>
    </row>
    <row r="347" spans="2:2" x14ac:dyDescent="0.3">
      <c r="B347" s="151"/>
    </row>
    <row r="348" spans="2:2" x14ac:dyDescent="0.3">
      <c r="B348" s="151"/>
    </row>
    <row r="349" spans="2:2" x14ac:dyDescent="0.3">
      <c r="B349" s="151"/>
    </row>
    <row r="350" spans="2:2" x14ac:dyDescent="0.3">
      <c r="B350" s="151"/>
    </row>
    <row r="352" spans="2:2" x14ac:dyDescent="0.3">
      <c r="B352" s="151"/>
    </row>
    <row r="353" spans="2:2" x14ac:dyDescent="0.3">
      <c r="B353" s="151"/>
    </row>
    <row r="354" spans="2:2" x14ac:dyDescent="0.3">
      <c r="B354" s="151"/>
    </row>
    <row r="355" spans="2:2" x14ac:dyDescent="0.3">
      <c r="B355" s="151"/>
    </row>
    <row r="356" spans="2:2" x14ac:dyDescent="0.3">
      <c r="B356" s="151"/>
    </row>
    <row r="358" spans="2:2" x14ac:dyDescent="0.3">
      <c r="B358" s="151"/>
    </row>
    <row r="361" spans="2:2" x14ac:dyDescent="0.3">
      <c r="B361" s="151"/>
    </row>
    <row r="364" spans="2:2" x14ac:dyDescent="0.3">
      <c r="B364" s="151"/>
    </row>
    <row r="365" spans="2:2" x14ac:dyDescent="0.3">
      <c r="B365" s="151"/>
    </row>
    <row r="366" spans="2:2" x14ac:dyDescent="0.3">
      <c r="B366" s="151"/>
    </row>
    <row r="367" spans="2:2" x14ac:dyDescent="0.3">
      <c r="B367" s="151"/>
    </row>
    <row r="368" spans="2:2" x14ac:dyDescent="0.3">
      <c r="B368" s="151"/>
    </row>
    <row r="369" spans="2:2" x14ac:dyDescent="0.3">
      <c r="B369" s="151"/>
    </row>
    <row r="370" spans="2:2" x14ac:dyDescent="0.3">
      <c r="B370" s="151"/>
    </row>
    <row r="371" spans="2:2" x14ac:dyDescent="0.3">
      <c r="B371" s="151"/>
    </row>
    <row r="372" spans="2:2" x14ac:dyDescent="0.3">
      <c r="B372" s="151"/>
    </row>
    <row r="373" spans="2:2" x14ac:dyDescent="0.3">
      <c r="B373" s="151"/>
    </row>
    <row r="374" spans="2:2" x14ac:dyDescent="0.3">
      <c r="B374" s="151"/>
    </row>
    <row r="375" spans="2:2" x14ac:dyDescent="0.3">
      <c r="B375" s="151"/>
    </row>
    <row r="376" spans="2:2" x14ac:dyDescent="0.3">
      <c r="B376" s="151"/>
    </row>
    <row r="377" spans="2:2" x14ac:dyDescent="0.3">
      <c r="B377" s="151"/>
    </row>
    <row r="378" spans="2:2" x14ac:dyDescent="0.3">
      <c r="B378" s="151"/>
    </row>
    <row r="379" spans="2:2" x14ac:dyDescent="0.3">
      <c r="B379" s="151"/>
    </row>
    <row r="380" spans="2:2" x14ac:dyDescent="0.3">
      <c r="B380" s="151"/>
    </row>
    <row r="381" spans="2:2" x14ac:dyDescent="0.3">
      <c r="B381" s="151"/>
    </row>
    <row r="382" spans="2:2" x14ac:dyDescent="0.3">
      <c r="B382" s="151"/>
    </row>
    <row r="386" spans="2:2" x14ac:dyDescent="0.3">
      <c r="B386" s="145"/>
    </row>
    <row r="403" spans="2:2" x14ac:dyDescent="0.3">
      <c r="B403" s="60"/>
    </row>
  </sheetData>
  <hyperlinks>
    <hyperlink ref="C12" r:id="rId1" xr:uid="{6025D2C4-235F-4F85-84DF-4DCA87DDC2E7}"/>
  </hyperlink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700eda7f-4d59-400c-967e-abf0e15cadc7">
      <Terms xmlns="http://schemas.microsoft.com/office/infopath/2007/PartnerControls"/>
    </lcf76f155ced4ddcb4097134ff3c332f>
    <TaxCatchAll xmlns="5551a5ce-e16d-4428-8487-2ea50eb9929c"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88F261DE42C3D24E8AAE99B49122522F" ma:contentTypeVersion="11" ma:contentTypeDescription="Create a new document." ma:contentTypeScope="" ma:versionID="a9ae20422ad5e9e1677dee4b63e6ac07">
  <xsd:schema xmlns:xsd="http://www.w3.org/2001/XMLSchema" xmlns:xs="http://www.w3.org/2001/XMLSchema" xmlns:p="http://schemas.microsoft.com/office/2006/metadata/properties" xmlns:ns2="5551a5ce-e16d-4428-8487-2ea50eb9929c" xmlns:ns3="700eda7f-4d59-400c-967e-abf0e15cadc7" targetNamespace="http://schemas.microsoft.com/office/2006/metadata/properties" ma:root="true" ma:fieldsID="412f2872f3eeb44c377ad9d357239490" ns2:_="" ns3:_="">
    <xsd:import namespace="5551a5ce-e16d-4428-8487-2ea50eb9929c"/>
    <xsd:import namespace="700eda7f-4d59-400c-967e-abf0e15cadc7"/>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lcf76f155ced4ddcb4097134ff3c332f" minOccurs="0"/>
                <xsd:element ref="ns2:TaxCatchAll" minOccurs="0"/>
                <xsd:element ref="ns3:MediaServiceOCR" minOccurs="0"/>
                <xsd:element ref="ns3:MediaServiceGenerationTime" minOccurs="0"/>
                <xsd:element ref="ns3:MediaServiceEventHashCode"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551a5ce-e16d-4428-8487-2ea50eb9929c"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TaxCatchAll" ma:index="14" nillable="true" ma:displayName="Taxonomy Catch All Column" ma:hidden="true" ma:list="{37f7ba79-5365-44f1-abf1-3a85f79edfd2}" ma:internalName="TaxCatchAll" ma:showField="CatchAllData" ma:web="5551a5ce-e16d-4428-8487-2ea50eb9929c">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700eda7f-4d59-400c-967e-abf0e15cadc7"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44579bc1-3e83-4f18-9ff0-8ad18fa20389"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description="" ma:hidden="true" ma:indexed="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68CE74A-86AA-4FC5-A3F7-F42726E08F54}">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E4B6DE91-723E-4C8E-8FCA-7A4B5F67718B}">
  <ds:schemaRefs>
    <ds:schemaRef ds:uri="http://schemas.microsoft.com/sharepoint/v3/contenttype/forms"/>
  </ds:schemaRefs>
</ds:datastoreItem>
</file>

<file path=customXml/itemProps3.xml><?xml version="1.0" encoding="utf-8"?>
<ds:datastoreItem xmlns:ds="http://schemas.openxmlformats.org/officeDocument/2006/customXml" ds:itemID="{088E1639-0276-46FD-81B9-0BA0EA6C87FD}"/>
</file>

<file path=docMetadata/LabelInfo.xml><?xml version="1.0" encoding="utf-8"?>
<clbl:labelList xmlns:clbl="http://schemas.microsoft.com/office/2020/mipLabelMetadata">
  <clbl:label id="{ffcdfac2-430b-48d8-b537-ec930f3dd155}" enabled="1" method="Privileged" siteId="{9a8ff9e3-0e35-4620-a724-e9834dc50b51}"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5</vt:i4>
      </vt:variant>
      <vt:variant>
        <vt:lpstr>Named Ranges</vt:lpstr>
      </vt:variant>
      <vt:variant>
        <vt:i4>14</vt:i4>
      </vt:variant>
    </vt:vector>
  </HeadingPairs>
  <TitlesOfParts>
    <vt:vector size="29" baseType="lpstr">
      <vt:lpstr>Disclaimer</vt: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D. Insert Nat Trans Templ</vt:lpstr>
      <vt:lpstr>E. Optional ECB-ECAIs data</vt:lpstr>
      <vt:lpstr>F1. Sustainable M data</vt:lpstr>
      <vt:lpstr>G1. Crisis M Payment Holidays</vt:lpstr>
      <vt:lpstr>E.g. General</vt:lpstr>
      <vt:lpstr>E.g. Other</vt:lpstr>
      <vt:lpstr>Disclaimer!general_tc</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Angervall, Mikael</cp:lastModifiedBy>
  <cp:lastPrinted>2016-05-20T08:25:54Z</cp:lastPrinted>
  <dcterms:created xsi:type="dcterms:W3CDTF">2016-04-21T08:07:20Z</dcterms:created>
  <dcterms:modified xsi:type="dcterms:W3CDTF">2023-04-26T07:06: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8947DA23E1EC4DA3C7913CEF6B4409</vt:lpwstr>
  </property>
  <property fmtid="{D5CDD505-2E9C-101B-9397-08002B2CF9AE}" pid="3" name="MediaServiceImageTags">
    <vt:lpwstr/>
  </property>
</Properties>
</file>